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7620"/>
  </bookViews>
  <sheets>
    <sheet name="県立高等学校" sheetId="1" r:id="rId1"/>
  </sheets>
  <definedNames>
    <definedName name="_xlnm._FilterDatabase" localSheetId="0" hidden="1">県立高等学校!$B$4:$J$138</definedName>
    <definedName name="_xlnm.Print_Area" localSheetId="0">県立高等学校!$B$2:$J$138</definedName>
    <definedName name="_xlnm.Print_Titles" localSheetId="0">県立高等学校!$4:$4</definedName>
  </definedNames>
  <calcPr calcId="162913"/>
</workbook>
</file>

<file path=xl/sharedStrings.xml><?xml version="1.0" encoding="utf-8"?>
<sst xmlns="http://schemas.openxmlformats.org/spreadsheetml/2006/main" count="1085" uniqueCount="858">
  <si>
    <t>神奈川県立厚木北高等学校</t>
    <phoneticPr fontId="2"/>
  </si>
  <si>
    <t>あつぎせいなん</t>
    <phoneticPr fontId="2"/>
  </si>
  <si>
    <t>神奈川県立厚木西高等学校</t>
    <phoneticPr fontId="2"/>
  </si>
  <si>
    <t>神奈川県立大和高等学校</t>
    <phoneticPr fontId="2"/>
  </si>
  <si>
    <t>神奈川県立大和南高等学校</t>
    <phoneticPr fontId="2"/>
  </si>
  <si>
    <t>やまとみなみ</t>
    <phoneticPr fontId="1"/>
  </si>
  <si>
    <t>神奈川県立大和東高等学校</t>
    <phoneticPr fontId="2"/>
  </si>
  <si>
    <t>やまとひがし</t>
    <phoneticPr fontId="1"/>
  </si>
  <si>
    <t>神奈川県立大和西高等学校</t>
    <phoneticPr fontId="2"/>
  </si>
  <si>
    <t>神奈川県立伊勢原高等学校</t>
    <phoneticPr fontId="2"/>
  </si>
  <si>
    <t>神奈川県立中央農業高等学校</t>
    <phoneticPr fontId="2"/>
  </si>
  <si>
    <t>ちゅうおうのうぎょう</t>
    <phoneticPr fontId="1"/>
  </si>
  <si>
    <t>海老名市中新田4-12-1</t>
    <phoneticPr fontId="2"/>
  </si>
  <si>
    <t>神奈川県立海老名高等学校</t>
    <phoneticPr fontId="2"/>
  </si>
  <si>
    <t>海老名市中新田1-26-1</t>
    <phoneticPr fontId="2"/>
  </si>
  <si>
    <t>神奈川県立有馬高等学校</t>
    <phoneticPr fontId="2"/>
  </si>
  <si>
    <t>神奈川県立座間高等学校</t>
    <phoneticPr fontId="2"/>
  </si>
  <si>
    <t>ざまそうごう</t>
    <phoneticPr fontId="1"/>
  </si>
  <si>
    <t>さがみこうようかん</t>
    <phoneticPr fontId="1"/>
  </si>
  <si>
    <t>神奈川県立足柄高等学校</t>
    <phoneticPr fontId="2"/>
  </si>
  <si>
    <t>あしがら</t>
    <phoneticPr fontId="1"/>
  </si>
  <si>
    <t>神奈川県立綾瀬高等学校</t>
    <phoneticPr fontId="2"/>
  </si>
  <si>
    <t>神奈川県立綾瀬西高等学校</t>
    <phoneticPr fontId="2"/>
  </si>
  <si>
    <t>神奈川県立寒川高等学校</t>
    <phoneticPr fontId="2"/>
  </si>
  <si>
    <t>さむかわ</t>
    <phoneticPr fontId="1"/>
  </si>
  <si>
    <t>神奈川県立大磯高等学校</t>
    <phoneticPr fontId="2"/>
  </si>
  <si>
    <t>おおいそ</t>
    <phoneticPr fontId="1"/>
  </si>
  <si>
    <t>神奈川県立二宮高等学校</t>
    <phoneticPr fontId="2"/>
  </si>
  <si>
    <t>にのみや</t>
    <phoneticPr fontId="1"/>
  </si>
  <si>
    <t>神奈川県立大井高等学校</t>
    <phoneticPr fontId="2"/>
  </si>
  <si>
    <t>神奈川県立山北高等学校</t>
    <phoneticPr fontId="2"/>
  </si>
  <si>
    <t>やまきた</t>
    <phoneticPr fontId="1"/>
  </si>
  <si>
    <t>神奈川県立愛川高等学校</t>
    <phoneticPr fontId="2"/>
  </si>
  <si>
    <t>あいかわ</t>
    <phoneticPr fontId="1"/>
  </si>
  <si>
    <t>神奈川県立津久井高等学校</t>
    <phoneticPr fontId="2"/>
  </si>
  <si>
    <t>あつぎきた</t>
    <phoneticPr fontId="1"/>
  </si>
  <si>
    <t>あつぎにし</t>
    <phoneticPr fontId="1"/>
  </si>
  <si>
    <t>やまと</t>
    <phoneticPr fontId="1"/>
  </si>
  <si>
    <t>神奈川県立伊志田高等学校</t>
    <phoneticPr fontId="2"/>
  </si>
  <si>
    <t>ざま</t>
    <phoneticPr fontId="1"/>
  </si>
  <si>
    <t>高等学校</t>
    <rPh sb="0" eb="2">
      <t>コウトウ</t>
    </rPh>
    <rPh sb="2" eb="4">
      <t>ガッコウ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課程</t>
    <rPh sb="0" eb="2">
      <t>カテイ</t>
    </rPh>
    <phoneticPr fontId="1"/>
  </si>
  <si>
    <t>学科</t>
    <rPh sb="0" eb="2">
      <t>ガッカ</t>
    </rPh>
    <phoneticPr fontId="1"/>
  </si>
  <si>
    <t>230-0012</t>
  </si>
  <si>
    <t>横浜市鶴見区下末吉6-2-1</t>
  </si>
  <si>
    <t>全日</t>
    <rPh sb="0" eb="1">
      <t>ゼン</t>
    </rPh>
    <rPh sb="1" eb="2">
      <t>ニチ</t>
    </rPh>
    <phoneticPr fontId="1"/>
  </si>
  <si>
    <t>普通</t>
    <rPh sb="0" eb="2">
      <t>フツウ</t>
    </rPh>
    <phoneticPr fontId="1"/>
  </si>
  <si>
    <t>神奈川県立鶴見総合高等学校</t>
    <rPh sb="0" eb="5">
      <t>カナガワケンリツ</t>
    </rPh>
    <rPh sb="5" eb="7">
      <t>ツルミ</t>
    </rPh>
    <rPh sb="7" eb="9">
      <t>ソウゴウ</t>
    </rPh>
    <rPh sb="9" eb="11">
      <t>コウトウ</t>
    </rPh>
    <rPh sb="11" eb="13">
      <t>ガッコウ</t>
    </rPh>
    <phoneticPr fontId="2"/>
  </si>
  <si>
    <t>全日単位</t>
    <rPh sb="0" eb="1">
      <t>ゼン</t>
    </rPh>
    <rPh sb="1" eb="2">
      <t>ニチ</t>
    </rPh>
    <rPh sb="2" eb="4">
      <t>タンイ</t>
    </rPh>
    <phoneticPr fontId="1"/>
  </si>
  <si>
    <t>総合</t>
    <rPh sb="0" eb="2">
      <t>ソウゴウ</t>
    </rPh>
    <phoneticPr fontId="1"/>
  </si>
  <si>
    <t>神奈川県立神奈川工業高等学校</t>
    <rPh sb="0" eb="5">
      <t>カナガワケンリツ</t>
    </rPh>
    <rPh sb="10" eb="12">
      <t>コウトウ</t>
    </rPh>
    <rPh sb="12" eb="14">
      <t>ガッコウ</t>
    </rPh>
    <phoneticPr fontId="2"/>
  </si>
  <si>
    <t>221-0812</t>
  </si>
  <si>
    <t>横浜市神奈川区平川町19-1</t>
  </si>
  <si>
    <t>横浜市神奈川区平川町19-2</t>
  </si>
  <si>
    <t>神奈川県立横浜翠嵐高等学校</t>
    <rPh sb="0" eb="5">
      <t>カナガワケンリツ</t>
    </rPh>
    <rPh sb="9" eb="11">
      <t>コウトウ</t>
    </rPh>
    <rPh sb="11" eb="13">
      <t>ガッコウ</t>
    </rPh>
    <phoneticPr fontId="2"/>
  </si>
  <si>
    <t>221-0854</t>
  </si>
  <si>
    <t>横浜市神奈川区三ツ沢南町1-1</t>
  </si>
  <si>
    <t>221-0862</t>
  </si>
  <si>
    <t>横浜市神奈川区三枚町364-1</t>
  </si>
  <si>
    <t>220-0073</t>
  </si>
  <si>
    <t>横浜市西区岡野1-5-8</t>
  </si>
  <si>
    <t>231-0832</t>
  </si>
  <si>
    <t>神奈川県立横浜国際高等学校</t>
    <rPh sb="0" eb="5">
      <t>カナガワケンリツ</t>
    </rPh>
    <rPh sb="5" eb="7">
      <t>ヨコハマ</t>
    </rPh>
    <rPh sb="7" eb="9">
      <t>コクサイ</t>
    </rPh>
    <rPh sb="9" eb="11">
      <t>コウトウ</t>
    </rPh>
    <rPh sb="11" eb="13">
      <t>ガッコウ</t>
    </rPh>
    <phoneticPr fontId="2"/>
  </si>
  <si>
    <t>神奈川県立横浜南陵高等学校</t>
    <rPh sb="5" eb="7">
      <t>ヨコハマ</t>
    </rPh>
    <rPh sb="7" eb="8">
      <t>ミナミ</t>
    </rPh>
    <rPh sb="8" eb="9">
      <t>リョウ</t>
    </rPh>
    <rPh sb="9" eb="13">
      <t>コウトウガッコウ</t>
    </rPh>
    <phoneticPr fontId="2"/>
  </si>
  <si>
    <t>横浜市港南区日野中央2-26-1</t>
    <rPh sb="0" eb="3">
      <t>ヨコハマシ</t>
    </rPh>
    <rPh sb="3" eb="6">
      <t>コウナンク</t>
    </rPh>
    <rPh sb="6" eb="8">
      <t>ヒノ</t>
    </rPh>
    <rPh sb="8" eb="10">
      <t>チュウオウ</t>
    </rPh>
    <phoneticPr fontId="2"/>
  </si>
  <si>
    <t>233-0016</t>
  </si>
  <si>
    <t>横浜市港南区下永谷1-28-1</t>
  </si>
  <si>
    <t>240-0026</t>
  </si>
  <si>
    <t>240-0035</t>
  </si>
  <si>
    <t>ほどがや</t>
    <phoneticPr fontId="1"/>
  </si>
  <si>
    <t>240-0045</t>
  </si>
  <si>
    <t>241-0824</t>
  </si>
  <si>
    <t>横浜市旭区南希望が丘79-1</t>
  </si>
  <si>
    <t>神奈川県立二俣川看護福祉高等学校</t>
    <rPh sb="5" eb="8">
      <t>フタマタガワ</t>
    </rPh>
    <rPh sb="8" eb="10">
      <t>カンゴ</t>
    </rPh>
    <rPh sb="10" eb="12">
      <t>フクシ</t>
    </rPh>
    <rPh sb="12" eb="16">
      <t>コウトウガッコウ</t>
    </rPh>
    <phoneticPr fontId="2"/>
  </si>
  <si>
    <t>241-0815</t>
  </si>
  <si>
    <t>横浜市旭区中尾1-5-1</t>
  </si>
  <si>
    <t>看護・福祉</t>
    <rPh sb="0" eb="2">
      <t>カンゴ</t>
    </rPh>
    <rPh sb="3" eb="5">
      <t>フクシ</t>
    </rPh>
    <phoneticPr fontId="1"/>
  </si>
  <si>
    <t>241-0806</t>
  </si>
  <si>
    <t>235-0023</t>
  </si>
  <si>
    <t>横浜市磯子区森5-24-1</t>
  </si>
  <si>
    <t>235-0043</t>
  </si>
  <si>
    <t>横浜市磯子区氷取沢町938-2</t>
  </si>
  <si>
    <t>236-0042</t>
  </si>
  <si>
    <t>横浜市金沢区釜利谷東4-58-1</t>
  </si>
  <si>
    <t>223-0057</t>
  </si>
  <si>
    <t>横浜市港北区新羽町1348</t>
  </si>
  <si>
    <t>222-0034</t>
  </si>
  <si>
    <t>横浜市港北区岸根町370</t>
  </si>
  <si>
    <t>226-0016</t>
  </si>
  <si>
    <t>横浜市緑区霧が丘6-16-1</t>
  </si>
  <si>
    <t>226-0006</t>
  </si>
  <si>
    <t>横浜市緑区白山4-71-1</t>
  </si>
  <si>
    <t>225-0024</t>
  </si>
  <si>
    <t>たな</t>
    <phoneticPr fontId="1"/>
  </si>
  <si>
    <t>227-0034</t>
  </si>
  <si>
    <t>横浜市青葉区桂台2-39-2</t>
  </si>
  <si>
    <t>225-0004</t>
  </si>
  <si>
    <t>横浜市青葉区元石川町4116</t>
  </si>
  <si>
    <t>224-0057</t>
  </si>
  <si>
    <t>横浜市都筑区川和町2226-1</t>
  </si>
  <si>
    <t>224-0007</t>
  </si>
  <si>
    <t>横浜市都筑区荏田南3-9-1</t>
  </si>
  <si>
    <t>224-0035</t>
  </si>
  <si>
    <t>横浜市都筑区新栄町1-1</t>
  </si>
  <si>
    <t>244-0814</t>
  </si>
  <si>
    <t>横浜市戸塚区南舞岡3-36-1</t>
  </si>
  <si>
    <t>神奈川県立横浜桜陽高等学校</t>
    <rPh sb="5" eb="7">
      <t>ヨコハマ</t>
    </rPh>
    <rPh sb="7" eb="8">
      <t>オウ</t>
    </rPh>
    <rPh sb="8" eb="9">
      <t>ヨウ</t>
    </rPh>
    <rPh sb="9" eb="13">
      <t>コウトウガッコウ</t>
    </rPh>
    <phoneticPr fontId="2"/>
  </si>
  <si>
    <t>横浜市戸塚区汲沢町973</t>
    <rPh sb="0" eb="3">
      <t>ヨコハマシ</t>
    </rPh>
    <rPh sb="3" eb="6">
      <t>トツカク</t>
    </rPh>
    <rPh sb="6" eb="7">
      <t>ク</t>
    </rPh>
    <rPh sb="7" eb="8">
      <t>サワ</t>
    </rPh>
    <rPh sb="8" eb="9">
      <t>マチ</t>
    </rPh>
    <phoneticPr fontId="2"/>
  </si>
  <si>
    <t>245-0053</t>
  </si>
  <si>
    <t>横浜市戸塚区上矢部町3230</t>
  </si>
  <si>
    <t>247-0004</t>
  </si>
  <si>
    <t>横浜市栄区柏陽1-1</t>
  </si>
  <si>
    <t>244-0845</t>
  </si>
  <si>
    <t>横浜市栄区金井町100</t>
  </si>
  <si>
    <t>神奈川県立横浜栄高等学校</t>
    <rPh sb="0" eb="5">
      <t>カナガワケンリツ</t>
    </rPh>
    <rPh sb="5" eb="7">
      <t>ヨコハマ</t>
    </rPh>
    <rPh sb="7" eb="8">
      <t>サカエ</t>
    </rPh>
    <rPh sb="8" eb="10">
      <t>コウトウ</t>
    </rPh>
    <rPh sb="10" eb="12">
      <t>ガッコウ</t>
    </rPh>
    <phoneticPr fontId="2"/>
  </si>
  <si>
    <t>247-0013</t>
  </si>
  <si>
    <t>横浜市栄区上郷町555</t>
  </si>
  <si>
    <t>245-0016</t>
  </si>
  <si>
    <t>横浜市泉区和泉町7713</t>
  </si>
  <si>
    <t>245-0003</t>
  </si>
  <si>
    <t>横浜市泉区岡津町2667</t>
  </si>
  <si>
    <t>神奈川県立横浜修悠館高等学校</t>
    <rPh sb="0" eb="5">
      <t>カナガワケンリツ</t>
    </rPh>
    <rPh sb="5" eb="7">
      <t>ヨコハマ</t>
    </rPh>
    <rPh sb="7" eb="8">
      <t>シュウ</t>
    </rPh>
    <rPh sb="8" eb="9">
      <t>ユウ</t>
    </rPh>
    <rPh sb="9" eb="10">
      <t>カン</t>
    </rPh>
    <rPh sb="10" eb="12">
      <t>コウトウ</t>
    </rPh>
    <rPh sb="12" eb="14">
      <t>ガッコウ</t>
    </rPh>
    <phoneticPr fontId="2"/>
  </si>
  <si>
    <t>横浜市泉区和泉町2563</t>
  </si>
  <si>
    <t>通信単位</t>
    <rPh sb="0" eb="2">
      <t>ツウシン</t>
    </rPh>
    <rPh sb="2" eb="4">
      <t>タンイ</t>
    </rPh>
    <phoneticPr fontId="1"/>
  </si>
  <si>
    <t>210-0845</t>
  </si>
  <si>
    <t>川崎市川崎区渡田山王町22-6</t>
  </si>
  <si>
    <t>210-0827</t>
  </si>
  <si>
    <t>川崎市川崎区四谷下町25-1</t>
  </si>
  <si>
    <t>神奈川県立川崎工科高等学校</t>
    <rPh sb="0" eb="5">
      <t>カナガワケンリツ</t>
    </rPh>
    <rPh sb="5" eb="7">
      <t>カワサキ</t>
    </rPh>
    <rPh sb="7" eb="9">
      <t>コウカ</t>
    </rPh>
    <rPh sb="9" eb="11">
      <t>コウトウ</t>
    </rPh>
    <rPh sb="11" eb="13">
      <t>ガッコウ</t>
    </rPh>
    <phoneticPr fontId="1"/>
  </si>
  <si>
    <t>211-0013</t>
  </si>
  <si>
    <t>川崎市中原区上平間1700-7</t>
  </si>
  <si>
    <t>総合技術</t>
    <rPh sb="0" eb="2">
      <t>ソウゴウ</t>
    </rPh>
    <rPh sb="2" eb="4">
      <t>ギジュツ</t>
    </rPh>
    <phoneticPr fontId="1"/>
  </si>
  <si>
    <t>211-0042</t>
  </si>
  <si>
    <t>川崎市中原区下新城1-14-1</t>
  </si>
  <si>
    <t>211-0021</t>
  </si>
  <si>
    <t>216-0003</t>
  </si>
  <si>
    <t>川崎市宮前区有馬3-22-1</t>
  </si>
  <si>
    <t>たま</t>
    <phoneticPr fontId="1"/>
  </si>
  <si>
    <t>214-0021</t>
  </si>
  <si>
    <t>川崎市多摩区宿河原5-14-1</t>
  </si>
  <si>
    <t>214-0022</t>
  </si>
  <si>
    <t>川崎市多摩区堰1-28-1</t>
  </si>
  <si>
    <t>いくた</t>
    <phoneticPr fontId="1"/>
  </si>
  <si>
    <t>214-0035</t>
  </si>
  <si>
    <t>川崎市多摩区長沢3-17-1</t>
  </si>
  <si>
    <t>214-0036</t>
  </si>
  <si>
    <t>川崎市多摩区南生田4-2-1</t>
  </si>
  <si>
    <t>214-0038</t>
  </si>
  <si>
    <t>川崎市多摩区生田4-32-1</t>
  </si>
  <si>
    <t>すげ</t>
    <phoneticPr fontId="1"/>
  </si>
  <si>
    <t>214-0004</t>
  </si>
  <si>
    <t>川崎市多摩区菅馬場4-2-1</t>
  </si>
  <si>
    <t>あさお</t>
    <phoneticPr fontId="1"/>
  </si>
  <si>
    <t>215-0006</t>
  </si>
  <si>
    <t>川崎市麻生区金程3-4-1</t>
  </si>
  <si>
    <t>よこすか</t>
    <phoneticPr fontId="1"/>
  </si>
  <si>
    <t>238-0022</t>
  </si>
  <si>
    <t>横須賀市公郷町3-109</t>
  </si>
  <si>
    <t>よこすかおおつ</t>
    <phoneticPr fontId="1"/>
  </si>
  <si>
    <t>239-0808</t>
  </si>
  <si>
    <t>横須賀市大津町4-17-1</t>
  </si>
  <si>
    <t>横須賀市公郷町4-10</t>
  </si>
  <si>
    <t>神奈川県立海洋科学高等学校</t>
    <rPh sb="0" eb="5">
      <t>カナガワケンリツ</t>
    </rPh>
    <rPh sb="5" eb="7">
      <t>カイヨウ</t>
    </rPh>
    <rPh sb="7" eb="9">
      <t>カガク</t>
    </rPh>
    <rPh sb="9" eb="11">
      <t>コウトウ</t>
    </rPh>
    <rPh sb="11" eb="13">
      <t>ガッコウ</t>
    </rPh>
    <phoneticPr fontId="2"/>
  </si>
  <si>
    <t>240-0101</t>
  </si>
  <si>
    <t>横須賀市長坂1-2-1</t>
  </si>
  <si>
    <t>237-0061</t>
  </si>
  <si>
    <t>横須賀市夏島町13</t>
  </si>
  <si>
    <t>239-0843</t>
  </si>
  <si>
    <t>横須賀市津久井4-4-1</t>
  </si>
  <si>
    <t>239-0835</t>
  </si>
  <si>
    <t>横須賀市佐原4-20-1</t>
  </si>
  <si>
    <t>254-0063</t>
  </si>
  <si>
    <t>平塚市諏訪町5-1</t>
  </si>
  <si>
    <t>254-0064</t>
  </si>
  <si>
    <t>神奈川県立平塚工科高等学校</t>
    <rPh sb="5" eb="6">
      <t>ヒラツカ</t>
    </rPh>
    <rPh sb="7" eb="9">
      <t>コウカ</t>
    </rPh>
    <rPh sb="9" eb="13">
      <t>コウトウガッコウ</t>
    </rPh>
    <phoneticPr fontId="2"/>
  </si>
  <si>
    <t>平塚市黒部丘12-7</t>
    <rPh sb="0" eb="3">
      <t>ヒラツカシ</t>
    </rPh>
    <rPh sb="3" eb="5">
      <t>クロベ</t>
    </rPh>
    <rPh sb="5" eb="6">
      <t>オカ</t>
    </rPh>
    <phoneticPr fontId="2"/>
  </si>
  <si>
    <t>254-0805</t>
  </si>
  <si>
    <t>平塚市高浜台8-1</t>
  </si>
  <si>
    <t>神奈川県立平塚湘風高等学校</t>
    <rPh sb="0" eb="5">
      <t>カナガワケンリツ</t>
    </rPh>
    <rPh sb="5" eb="7">
      <t>ヒラツカ</t>
    </rPh>
    <rPh sb="7" eb="8">
      <t>ショウ</t>
    </rPh>
    <rPh sb="8" eb="9">
      <t>フウ</t>
    </rPh>
    <rPh sb="9" eb="13">
      <t>コウトウガッコウ</t>
    </rPh>
    <phoneticPr fontId="2"/>
  </si>
  <si>
    <t>248-0026</t>
  </si>
  <si>
    <t>鎌倉市七里ガ浜2-21-1</t>
  </si>
  <si>
    <t>248-0025</t>
  </si>
  <si>
    <t>鎌倉市七里ガ浜東2-3-1</t>
  </si>
  <si>
    <t>247-0054</t>
  </si>
  <si>
    <t>鎌倉市高野8-1</t>
  </si>
  <si>
    <t>248-0036</t>
  </si>
  <si>
    <t>251-0021</t>
  </si>
  <si>
    <t>藤沢市鵠沼神明5-6-10</t>
  </si>
  <si>
    <t>251-0861</t>
  </si>
  <si>
    <t>藤沢市大庭3608-2</t>
  </si>
  <si>
    <t>神奈川県立藤沢工科高等学校</t>
    <rPh sb="5" eb="7">
      <t>フジサワ</t>
    </rPh>
    <rPh sb="7" eb="9">
      <t>コウカ</t>
    </rPh>
    <rPh sb="9" eb="13">
      <t>コウトウガッコウ</t>
    </rPh>
    <phoneticPr fontId="2"/>
  </si>
  <si>
    <t>藤沢市今田744</t>
    <rPh sb="0" eb="3">
      <t>フジサワシ</t>
    </rPh>
    <rPh sb="3" eb="5">
      <t>イマダ</t>
    </rPh>
    <rPh sb="5" eb="8">
      <t>７４４バンチ</t>
    </rPh>
    <phoneticPr fontId="2"/>
  </si>
  <si>
    <t>神奈川県立藤沢清流高等学校</t>
    <rPh sb="0" eb="5">
      <t>カナガワケンリツ</t>
    </rPh>
    <rPh sb="5" eb="7">
      <t>フジサワ</t>
    </rPh>
    <rPh sb="7" eb="9">
      <t>セイリュウ</t>
    </rPh>
    <rPh sb="9" eb="11">
      <t>コウトウ</t>
    </rPh>
    <rPh sb="11" eb="13">
      <t>ガッコウ</t>
    </rPh>
    <phoneticPr fontId="1"/>
  </si>
  <si>
    <t>251-0002</t>
  </si>
  <si>
    <t>藤沢市大鋸1450</t>
  </si>
  <si>
    <t>252-0805</t>
  </si>
  <si>
    <t>藤沢市円行1986</t>
  </si>
  <si>
    <t>250-0045</t>
  </si>
  <si>
    <t>250-0003</t>
  </si>
  <si>
    <t>小田原市東町4-12-1</t>
  </si>
  <si>
    <t>256-0816</t>
  </si>
  <si>
    <t>小田原市酒匂1-3-1</t>
  </si>
  <si>
    <t>250-0852</t>
  </si>
  <si>
    <t>小田原市栢山200</t>
  </si>
  <si>
    <t>253-0042</t>
  </si>
  <si>
    <t>ちがさきほくりょう</t>
    <phoneticPr fontId="1"/>
  </si>
  <si>
    <t>253-0081</t>
  </si>
  <si>
    <t>253-0084</t>
  </si>
  <si>
    <t>茅ヶ崎市円蔵1-16-1</t>
  </si>
  <si>
    <t>253-0061</t>
  </si>
  <si>
    <t>茅ヶ崎市南湖7-12869-11</t>
  </si>
  <si>
    <t>神奈川県立神奈川総合産業高等学校</t>
    <rPh sb="5" eb="8">
      <t>カナガワ</t>
    </rPh>
    <rPh sb="8" eb="10">
      <t>ソウゴウ</t>
    </rPh>
    <rPh sb="10" eb="12">
      <t>サンギョウ</t>
    </rPh>
    <rPh sb="12" eb="16">
      <t>コウトウガッコウ</t>
    </rPh>
    <phoneticPr fontId="2"/>
  </si>
  <si>
    <t>秦野市下大槻113</t>
  </si>
  <si>
    <t>神奈川県立秦野総合高等学校</t>
    <rPh sb="0" eb="5">
      <t>カナガワケンリツ</t>
    </rPh>
    <rPh sb="5" eb="7">
      <t>ハダノ</t>
    </rPh>
    <rPh sb="7" eb="9">
      <t>ソウゴウ</t>
    </rPh>
    <rPh sb="9" eb="11">
      <t>コウトウ</t>
    </rPh>
    <rPh sb="11" eb="13">
      <t>ガッコウ</t>
    </rPh>
    <phoneticPr fontId="2"/>
  </si>
  <si>
    <t>257-0013</t>
  </si>
  <si>
    <t>秦野市南が丘1-4-1</t>
  </si>
  <si>
    <t>257-0031</t>
  </si>
  <si>
    <t>秦野市曽屋3613-1</t>
  </si>
  <si>
    <t>243-0031</t>
  </si>
  <si>
    <t>厚木市戸室2-24-1</t>
  </si>
  <si>
    <t>243-0203</t>
  </si>
  <si>
    <t>厚木市下荻野886</t>
  </si>
  <si>
    <t>神奈川県立厚木清南高等学校</t>
    <rPh sb="5" eb="7">
      <t>アツギ</t>
    </rPh>
    <rPh sb="7" eb="8">
      <t>キヨ</t>
    </rPh>
    <rPh sb="8" eb="9">
      <t>ナン</t>
    </rPh>
    <rPh sb="9" eb="11">
      <t>コウトウ</t>
    </rPh>
    <rPh sb="11" eb="13">
      <t>ガッコウ</t>
    </rPh>
    <phoneticPr fontId="2"/>
  </si>
  <si>
    <t>243-0021</t>
  </si>
  <si>
    <t>厚木市岡田1-12-1</t>
  </si>
  <si>
    <t>243-0123</t>
  </si>
  <si>
    <t>厚木市森の里青山12-1</t>
  </si>
  <si>
    <t>242-0002</t>
  </si>
  <si>
    <t>大和市つきみ野3-4</t>
  </si>
  <si>
    <t>242-0014</t>
  </si>
  <si>
    <t>大和市上和田2557</t>
  </si>
  <si>
    <t>242-0011</t>
  </si>
  <si>
    <t>大和市深見1760</t>
  </si>
  <si>
    <t>やまとにし</t>
    <phoneticPr fontId="1"/>
  </si>
  <si>
    <t>242-0006</t>
  </si>
  <si>
    <t>大和市南林間9-5-1</t>
  </si>
  <si>
    <t>いせはら</t>
    <phoneticPr fontId="1"/>
  </si>
  <si>
    <t>259-1142</t>
  </si>
  <si>
    <t>伊勢原市田中1008-3</t>
  </si>
  <si>
    <t>いしだ</t>
    <phoneticPr fontId="1"/>
  </si>
  <si>
    <t>259-1116</t>
  </si>
  <si>
    <t>伊勢原市石田1356-1</t>
  </si>
  <si>
    <t>243-0422</t>
  </si>
  <si>
    <t>えびな</t>
    <phoneticPr fontId="1"/>
  </si>
  <si>
    <t>ありま</t>
    <phoneticPr fontId="1"/>
  </si>
  <si>
    <t>243-0424</t>
  </si>
  <si>
    <t>神奈川県立座間総合高等学校</t>
    <rPh sb="0" eb="5">
      <t>カナガワケンリツ</t>
    </rPh>
    <rPh sb="5" eb="7">
      <t>ザマ</t>
    </rPh>
    <rPh sb="7" eb="9">
      <t>ソウゴウ</t>
    </rPh>
    <rPh sb="9" eb="11">
      <t>コウトウ</t>
    </rPh>
    <rPh sb="11" eb="13">
      <t>ガッコウ</t>
    </rPh>
    <phoneticPr fontId="2"/>
  </si>
  <si>
    <t>座間市栗原2487</t>
  </si>
  <si>
    <t>神奈川県立相模向陽館高等学校</t>
    <rPh sb="0" eb="5">
      <t>カナガワケンリツ</t>
    </rPh>
    <rPh sb="5" eb="7">
      <t>サガミ</t>
    </rPh>
    <rPh sb="7" eb="8">
      <t>コウ</t>
    </rPh>
    <rPh sb="8" eb="9">
      <t>ヨウ</t>
    </rPh>
    <rPh sb="9" eb="10">
      <t>カン</t>
    </rPh>
    <rPh sb="10" eb="12">
      <t>コウトウ</t>
    </rPh>
    <rPh sb="12" eb="14">
      <t>ガッコウ</t>
    </rPh>
    <phoneticPr fontId="1"/>
  </si>
  <si>
    <t>定時単位</t>
    <rPh sb="0" eb="2">
      <t>テイジ</t>
    </rPh>
    <rPh sb="2" eb="4">
      <t>タンイ</t>
    </rPh>
    <phoneticPr fontId="1"/>
  </si>
  <si>
    <t>250-0106</t>
  </si>
  <si>
    <t>南足柄市怒田860</t>
  </si>
  <si>
    <t>あやせ</t>
    <phoneticPr fontId="1"/>
  </si>
  <si>
    <t>252-1134</t>
  </si>
  <si>
    <t>綾瀬市寺尾南1-4-1</t>
  </si>
  <si>
    <t>あやせにし</t>
    <phoneticPr fontId="1"/>
  </si>
  <si>
    <t>252-1123</t>
  </si>
  <si>
    <t>綾瀬市早川1485-1</t>
  </si>
  <si>
    <t>253-0111</t>
  </si>
  <si>
    <t>寒川町一之宮9-30-1</t>
  </si>
  <si>
    <t>255-0002</t>
  </si>
  <si>
    <t>大磯町東町2-9-1</t>
  </si>
  <si>
    <t>259-0134</t>
  </si>
  <si>
    <t>二宮町一色1363</t>
  </si>
  <si>
    <t>おおい</t>
    <phoneticPr fontId="1"/>
  </si>
  <si>
    <t>258-0017</t>
  </si>
  <si>
    <t>大井町西大井984-1</t>
  </si>
  <si>
    <t>258-0111</t>
  </si>
  <si>
    <t>山北町向原2370</t>
  </si>
  <si>
    <t>258-0021</t>
  </si>
  <si>
    <t>開成町吉田島281</t>
  </si>
  <si>
    <t>243-0308</t>
  </si>
  <si>
    <t>愛川町三増822-1</t>
  </si>
  <si>
    <t>つくい</t>
    <phoneticPr fontId="1"/>
  </si>
  <si>
    <t>230-0031</t>
    <phoneticPr fontId="2"/>
  </si>
  <si>
    <t>ながや</t>
    <phoneticPr fontId="1"/>
  </si>
  <si>
    <t>あさひ</t>
    <phoneticPr fontId="1"/>
  </si>
  <si>
    <t>かまりや</t>
    <phoneticPr fontId="1"/>
  </si>
  <si>
    <t>にっぱ</t>
    <phoneticPr fontId="1"/>
  </si>
  <si>
    <t>きしね</t>
    <phoneticPr fontId="1"/>
  </si>
  <si>
    <t>きりがおか</t>
    <phoneticPr fontId="1"/>
  </si>
  <si>
    <t>いちがお</t>
    <phoneticPr fontId="1"/>
  </si>
  <si>
    <t>かわわ</t>
    <phoneticPr fontId="1"/>
  </si>
  <si>
    <t>えだ</t>
    <phoneticPr fontId="1"/>
  </si>
  <si>
    <t>かみやべ</t>
    <phoneticPr fontId="1"/>
  </si>
  <si>
    <t>かない</t>
    <phoneticPr fontId="1"/>
  </si>
  <si>
    <t>だいし</t>
    <phoneticPr fontId="1"/>
  </si>
  <si>
    <t>しんじょう</t>
    <phoneticPr fontId="1"/>
  </si>
  <si>
    <t>ゆりがおか</t>
    <phoneticPr fontId="1"/>
  </si>
  <si>
    <t>神奈川県立津久井浜高等学校</t>
    <phoneticPr fontId="2"/>
  </si>
  <si>
    <t>つくいはま</t>
    <phoneticPr fontId="1"/>
  </si>
  <si>
    <t>おだわら</t>
    <phoneticPr fontId="1"/>
  </si>
  <si>
    <t>おだわらじょうほくこうぎょう</t>
    <phoneticPr fontId="2"/>
  </si>
  <si>
    <t>ちがさき</t>
    <phoneticPr fontId="1"/>
  </si>
  <si>
    <t>さがみはら</t>
    <phoneticPr fontId="1"/>
  </si>
  <si>
    <t>かみつるま</t>
    <phoneticPr fontId="1"/>
  </si>
  <si>
    <t>さがみたな</t>
    <phoneticPr fontId="1"/>
  </si>
  <si>
    <t>はだの</t>
    <phoneticPr fontId="1"/>
  </si>
  <si>
    <t>はだのそや</t>
    <phoneticPr fontId="1"/>
  </si>
  <si>
    <t>あつぎ</t>
    <phoneticPr fontId="1"/>
  </si>
  <si>
    <t>相模原市中央区上溝6-5-1</t>
    <rPh sb="4" eb="7">
      <t>チュウオウク</t>
    </rPh>
    <phoneticPr fontId="1"/>
  </si>
  <si>
    <t>相模原市中央区横山1-7-20</t>
    <rPh sb="4" eb="7">
      <t>チュウオウク</t>
    </rPh>
    <phoneticPr fontId="1"/>
  </si>
  <si>
    <t>相模原市南区北里2-11-1</t>
    <rPh sb="4" eb="6">
      <t>ミナミク</t>
    </rPh>
    <phoneticPr fontId="2"/>
  </si>
  <si>
    <t>相模原市中央区上溝269</t>
    <rPh sb="4" eb="7">
      <t>チュウオウク</t>
    </rPh>
    <phoneticPr fontId="1"/>
  </si>
  <si>
    <t>相模原市南区上鶴間本町9-31-1</t>
    <rPh sb="4" eb="6">
      <t>ミナミク</t>
    </rPh>
    <rPh sb="9" eb="11">
      <t>ホンチョウ</t>
    </rPh>
    <phoneticPr fontId="2"/>
  </si>
  <si>
    <t>相模原市緑区橋本8-8-1</t>
    <rPh sb="4" eb="6">
      <t>ミドリク</t>
    </rPh>
    <phoneticPr fontId="1"/>
  </si>
  <si>
    <t>相模原市中央区弥栄3-1-8</t>
    <rPh sb="4" eb="7">
      <t>チュウオウク</t>
    </rPh>
    <phoneticPr fontId="1"/>
  </si>
  <si>
    <t>相模原市中央区田名6786-1</t>
    <rPh sb="4" eb="7">
      <t>チュウオウク</t>
    </rPh>
    <phoneticPr fontId="1"/>
  </si>
  <si>
    <t>相模原市南区文京1-11-1</t>
    <rPh sb="0" eb="4">
      <t>サガミハラシ</t>
    </rPh>
    <rPh sb="4" eb="6">
      <t>ミナミク</t>
    </rPh>
    <rPh sb="6" eb="8">
      <t>ブンキョウ</t>
    </rPh>
    <phoneticPr fontId="2"/>
  </si>
  <si>
    <t>（全日）機械・建設・電気・デザイン
（定時）機械・建設・電気</t>
    <rPh sb="1" eb="2">
      <t>ゼン</t>
    </rPh>
    <rPh sb="2" eb="3">
      <t>ニチ</t>
    </rPh>
    <rPh sb="4" eb="6">
      <t>キカイ</t>
    </rPh>
    <rPh sb="7" eb="9">
      <t>ケンセツ</t>
    </rPh>
    <rPh sb="10" eb="12">
      <t>デンキ</t>
    </rPh>
    <rPh sb="19" eb="21">
      <t>テイジ</t>
    </rPh>
    <rPh sb="22" eb="24">
      <t>キカイ</t>
    </rPh>
    <rPh sb="25" eb="27">
      <t>ケンセツ</t>
    </rPh>
    <rPh sb="28" eb="30">
      <t>デンキ</t>
    </rPh>
    <phoneticPr fontId="1"/>
  </si>
  <si>
    <t>全日・定時</t>
    <rPh sb="0" eb="1">
      <t>ゼン</t>
    </rPh>
    <rPh sb="1" eb="2">
      <t>ニチ</t>
    </rPh>
    <rPh sb="3" eb="5">
      <t>テイジ</t>
    </rPh>
    <phoneticPr fontId="1"/>
  </si>
  <si>
    <t>（全日）機械・電気・建設・化学
（定時単位）総合</t>
    <rPh sb="1" eb="2">
      <t>ゼン</t>
    </rPh>
    <rPh sb="2" eb="3">
      <t>ニチ</t>
    </rPh>
    <rPh sb="4" eb="6">
      <t>キカイ</t>
    </rPh>
    <rPh sb="7" eb="9">
      <t>デンキ</t>
    </rPh>
    <rPh sb="10" eb="12">
      <t>ケンセツ</t>
    </rPh>
    <rPh sb="13" eb="15">
      <t>カガク</t>
    </rPh>
    <rPh sb="17" eb="19">
      <t>テイジ</t>
    </rPh>
    <rPh sb="19" eb="21">
      <t>タンイ</t>
    </rPh>
    <rPh sb="22" eb="24">
      <t>ソウゴウ</t>
    </rPh>
    <phoneticPr fontId="1"/>
  </si>
  <si>
    <t>全日・
定時単位</t>
    <rPh sb="0" eb="1">
      <t>ゼン</t>
    </rPh>
    <rPh sb="1" eb="2">
      <t>ニチ</t>
    </rPh>
    <rPh sb="4" eb="6">
      <t>テイジ</t>
    </rPh>
    <rPh sb="6" eb="8">
      <t>タンイ</t>
    </rPh>
    <phoneticPr fontId="1"/>
  </si>
  <si>
    <t>（全日）機械・建設・電気・デザイン
（定時）機械・電気</t>
    <rPh sb="1" eb="2">
      <t>ゼン</t>
    </rPh>
    <rPh sb="2" eb="3">
      <t>ニチ</t>
    </rPh>
    <rPh sb="4" eb="6">
      <t>キカイ</t>
    </rPh>
    <rPh sb="7" eb="9">
      <t>ケンセツ</t>
    </rPh>
    <rPh sb="10" eb="12">
      <t>デンキ</t>
    </rPh>
    <rPh sb="19" eb="21">
      <t>テイジ</t>
    </rPh>
    <rPh sb="22" eb="24">
      <t>キカイ</t>
    </rPh>
    <rPh sb="25" eb="27">
      <t>デンキ</t>
    </rPh>
    <phoneticPr fontId="1"/>
  </si>
  <si>
    <t>（全日）機械・電気・建設
（定時単位）総合</t>
    <rPh sb="1" eb="2">
      <t>ゼン</t>
    </rPh>
    <rPh sb="2" eb="3">
      <t>ニチ</t>
    </rPh>
    <rPh sb="4" eb="6">
      <t>キカイ</t>
    </rPh>
    <rPh sb="7" eb="9">
      <t>デンキ</t>
    </rPh>
    <rPh sb="10" eb="12">
      <t>ケンセツ</t>
    </rPh>
    <rPh sb="14" eb="16">
      <t>テイジ</t>
    </rPh>
    <rPh sb="16" eb="18">
      <t>タンイ</t>
    </rPh>
    <rPh sb="19" eb="21">
      <t>ソウゴウ</t>
    </rPh>
    <phoneticPr fontId="1"/>
  </si>
  <si>
    <t>全日単位・
定時単位・
通信単位</t>
    <rPh sb="0" eb="1">
      <t>ゼン</t>
    </rPh>
    <rPh sb="1" eb="2">
      <t>ニチ</t>
    </rPh>
    <rPh sb="2" eb="4">
      <t>タンイ</t>
    </rPh>
    <rPh sb="6" eb="8">
      <t>テイジ</t>
    </rPh>
    <rPh sb="8" eb="10">
      <t>タンイ</t>
    </rPh>
    <rPh sb="12" eb="14">
      <t>ツウシン</t>
    </rPh>
    <rPh sb="14" eb="16">
      <t>タンイ</t>
    </rPh>
    <phoneticPr fontId="1"/>
  </si>
  <si>
    <t>全日単位・
定時単位</t>
    <rPh sb="0" eb="1">
      <t>ゼン</t>
    </rPh>
    <rPh sb="1" eb="2">
      <t>ニチ</t>
    </rPh>
    <rPh sb="2" eb="4">
      <t>タンイ</t>
    </rPh>
    <rPh sb="6" eb="8">
      <t>テイジ</t>
    </rPh>
    <rPh sb="8" eb="10">
      <t>タンイ</t>
    </rPh>
    <phoneticPr fontId="1"/>
  </si>
  <si>
    <t>（全日単位）総合産業
（定時単位）総合</t>
    <rPh sb="1" eb="2">
      <t>ゼン</t>
    </rPh>
    <rPh sb="2" eb="3">
      <t>ニチ</t>
    </rPh>
    <rPh sb="3" eb="5">
      <t>タンイ</t>
    </rPh>
    <rPh sb="6" eb="8">
      <t>ソウゴウ</t>
    </rPh>
    <rPh sb="8" eb="10">
      <t>サンギョウ</t>
    </rPh>
    <rPh sb="12" eb="14">
      <t>テイジ</t>
    </rPh>
    <rPh sb="14" eb="16">
      <t>タンイ</t>
    </rPh>
    <rPh sb="17" eb="19">
      <t>ソウゴウ</t>
    </rPh>
    <phoneticPr fontId="1"/>
  </si>
  <si>
    <t>257-0004</t>
    <phoneticPr fontId="1"/>
  </si>
  <si>
    <t>よみがな</t>
    <phoneticPr fontId="1"/>
  </si>
  <si>
    <t>つるみ</t>
    <phoneticPr fontId="1"/>
  </si>
  <si>
    <t>つるみそうごう</t>
    <phoneticPr fontId="2"/>
  </si>
  <si>
    <t>横浜市鶴見区平安町2-28-8</t>
    <phoneticPr fontId="2"/>
  </si>
  <si>
    <t>かながわこうぎょう</t>
    <phoneticPr fontId="2"/>
  </si>
  <si>
    <t>神奈川県立神奈川総合高等学校</t>
    <phoneticPr fontId="2"/>
  </si>
  <si>
    <t>かながわそうごう</t>
    <phoneticPr fontId="1"/>
  </si>
  <si>
    <t>よこはますいらん</t>
    <phoneticPr fontId="2"/>
  </si>
  <si>
    <t>神奈川県立城郷高等学校</t>
    <phoneticPr fontId="2"/>
  </si>
  <si>
    <t>しろさと</t>
    <phoneticPr fontId="1"/>
  </si>
  <si>
    <t>神奈川県立横浜平沼高等学校</t>
    <phoneticPr fontId="2"/>
  </si>
  <si>
    <t>よこはまひらぬま</t>
    <phoneticPr fontId="1"/>
  </si>
  <si>
    <t>神奈川県立横浜緑ケ丘高等学校</t>
    <phoneticPr fontId="2"/>
  </si>
  <si>
    <t>よこはまみどりがおか</t>
    <phoneticPr fontId="1"/>
  </si>
  <si>
    <t>神奈川県立横浜立野高等学校</t>
    <phoneticPr fontId="2"/>
  </si>
  <si>
    <t>よこはまたての</t>
    <phoneticPr fontId="1"/>
  </si>
  <si>
    <t>232-0007</t>
    <phoneticPr fontId="2"/>
  </si>
  <si>
    <t>横浜市南区清水ケ丘41</t>
    <phoneticPr fontId="2"/>
  </si>
  <si>
    <t>よこはまこくさい</t>
    <phoneticPr fontId="2"/>
  </si>
  <si>
    <t>232-0066</t>
    <phoneticPr fontId="2"/>
  </si>
  <si>
    <t>よこはまなんりょう</t>
    <phoneticPr fontId="2"/>
  </si>
  <si>
    <t>234-0053</t>
    <phoneticPr fontId="2"/>
  </si>
  <si>
    <t>神奈川県立永谷高等学校</t>
    <phoneticPr fontId="2"/>
  </si>
  <si>
    <t>神奈川県立光陵高等学校</t>
    <phoneticPr fontId="2"/>
  </si>
  <si>
    <t>こうりょう</t>
    <phoneticPr fontId="1"/>
  </si>
  <si>
    <t>神奈川県立商工高等学校</t>
    <phoneticPr fontId="2"/>
  </si>
  <si>
    <t>しょうこう</t>
    <phoneticPr fontId="1"/>
  </si>
  <si>
    <t>神奈川県立保土ケ谷高等学校</t>
    <phoneticPr fontId="2"/>
  </si>
  <si>
    <t>神奈川県立希望ケ丘高等学校</t>
    <phoneticPr fontId="2"/>
  </si>
  <si>
    <t>きぼうがおか</t>
    <phoneticPr fontId="1"/>
  </si>
  <si>
    <t>ふたまたがわかんごふくし</t>
    <phoneticPr fontId="2"/>
  </si>
  <si>
    <t>神奈川県立旭高等学校</t>
    <phoneticPr fontId="2"/>
  </si>
  <si>
    <t>神奈川県立横浜旭陵高等学校</t>
    <phoneticPr fontId="2"/>
  </si>
  <si>
    <t>よこはまきょくりょう</t>
    <phoneticPr fontId="2"/>
  </si>
  <si>
    <t>241-0001</t>
    <phoneticPr fontId="2"/>
  </si>
  <si>
    <t>横浜市旭区上白根町1161-7</t>
    <phoneticPr fontId="2"/>
  </si>
  <si>
    <t>神奈川県立磯子工業高等学校</t>
    <phoneticPr fontId="2"/>
  </si>
  <si>
    <t>いそごこうぎょう</t>
    <phoneticPr fontId="1"/>
  </si>
  <si>
    <t>神奈川県立金沢総合高等学校</t>
    <phoneticPr fontId="2"/>
  </si>
  <si>
    <t>かなざわそうごう</t>
    <phoneticPr fontId="2"/>
  </si>
  <si>
    <t>236-0051</t>
    <phoneticPr fontId="2"/>
  </si>
  <si>
    <t>横浜市金沢区富岡東6-34-1</t>
    <phoneticPr fontId="2"/>
  </si>
  <si>
    <t>神奈川県立釜利谷高等学校</t>
    <phoneticPr fontId="2"/>
  </si>
  <si>
    <t>神奈川県立港北高等学校</t>
    <phoneticPr fontId="2"/>
  </si>
  <si>
    <t>こうほく</t>
    <phoneticPr fontId="1"/>
  </si>
  <si>
    <t>神奈川県立新羽高等学校</t>
    <phoneticPr fontId="2"/>
  </si>
  <si>
    <t>神奈川県立岸根高等学校</t>
    <phoneticPr fontId="2"/>
  </si>
  <si>
    <t>神奈川県立霧が丘高等学校</t>
    <phoneticPr fontId="2"/>
  </si>
  <si>
    <t>神奈川県立白山高等学校</t>
    <phoneticPr fontId="2"/>
  </si>
  <si>
    <t>はくさん</t>
    <phoneticPr fontId="1"/>
  </si>
  <si>
    <t>神奈川県立市ケ尾高等学校</t>
    <phoneticPr fontId="2"/>
  </si>
  <si>
    <t>神奈川県立田奈高等学校</t>
    <phoneticPr fontId="2"/>
  </si>
  <si>
    <t>神奈川県立元石川高等学校</t>
    <phoneticPr fontId="2"/>
  </si>
  <si>
    <t>もといしかわ</t>
    <phoneticPr fontId="1"/>
  </si>
  <si>
    <t>神奈川県立川和高等学校</t>
    <phoneticPr fontId="2"/>
  </si>
  <si>
    <t>神奈川県立荏田高等学校</t>
    <phoneticPr fontId="2"/>
  </si>
  <si>
    <t>神奈川県立新栄高等学校</t>
    <phoneticPr fontId="2"/>
  </si>
  <si>
    <t>しんえい</t>
    <phoneticPr fontId="1"/>
  </si>
  <si>
    <t>神奈川県立舞岡高等学校</t>
    <phoneticPr fontId="2"/>
  </si>
  <si>
    <t>まいおか</t>
    <phoneticPr fontId="1"/>
  </si>
  <si>
    <t>よこはまおうよう</t>
    <phoneticPr fontId="2"/>
  </si>
  <si>
    <t>245-0062</t>
    <phoneticPr fontId="2"/>
  </si>
  <si>
    <t>神奈川県立上矢部高等学校</t>
    <phoneticPr fontId="2"/>
  </si>
  <si>
    <t>神奈川県立柏陽高等学校</t>
    <phoneticPr fontId="2"/>
  </si>
  <si>
    <t>はくよう</t>
    <phoneticPr fontId="1"/>
  </si>
  <si>
    <t>神奈川県立金井高等学校</t>
    <phoneticPr fontId="2"/>
  </si>
  <si>
    <t>よこはまさかえ</t>
    <phoneticPr fontId="1"/>
  </si>
  <si>
    <t>神奈川県立松陽高等学校</t>
    <phoneticPr fontId="2"/>
  </si>
  <si>
    <t>しょうよう</t>
    <phoneticPr fontId="1"/>
  </si>
  <si>
    <t>よこはましゅうゆうかん</t>
    <phoneticPr fontId="2"/>
  </si>
  <si>
    <t>神奈川県立川崎高等学校</t>
    <phoneticPr fontId="2"/>
  </si>
  <si>
    <t>かわさき</t>
    <phoneticPr fontId="1"/>
  </si>
  <si>
    <t>神奈川県立大師高等学校</t>
    <phoneticPr fontId="2"/>
  </si>
  <si>
    <t>かわさきこうか</t>
    <phoneticPr fontId="1"/>
  </si>
  <si>
    <t>神奈川県立新城高等学校</t>
    <phoneticPr fontId="2"/>
  </si>
  <si>
    <t>神奈川県立住吉高等学校</t>
    <phoneticPr fontId="2"/>
  </si>
  <si>
    <t>すみよし</t>
    <phoneticPr fontId="1"/>
  </si>
  <si>
    <t>川崎市中原区木月住吉町34-1</t>
    <phoneticPr fontId="2"/>
  </si>
  <si>
    <t>神奈川県立川崎北高等学校</t>
    <phoneticPr fontId="2"/>
  </si>
  <si>
    <t>かわさききた</t>
    <phoneticPr fontId="1"/>
  </si>
  <si>
    <t>神奈川県立多摩高等学校</t>
    <phoneticPr fontId="2"/>
  </si>
  <si>
    <t>神奈川県立向の岡工業高等学校</t>
    <phoneticPr fontId="2"/>
  </si>
  <si>
    <t>むかいのおかこうぎょう</t>
    <phoneticPr fontId="1"/>
  </si>
  <si>
    <t>神奈川県立生田高等学校</t>
    <phoneticPr fontId="2"/>
  </si>
  <si>
    <t>神奈川県立百合丘高等学校</t>
    <phoneticPr fontId="2"/>
  </si>
  <si>
    <t>神奈川県立生田東高等学校</t>
    <phoneticPr fontId="2"/>
  </si>
  <si>
    <t>いくたひがし</t>
    <phoneticPr fontId="1"/>
  </si>
  <si>
    <t>神奈川県立菅高等学校</t>
    <phoneticPr fontId="2"/>
  </si>
  <si>
    <t>神奈川県立麻生総合高等学校</t>
    <phoneticPr fontId="2"/>
  </si>
  <si>
    <t>あさおそうごう</t>
    <phoneticPr fontId="2"/>
  </si>
  <si>
    <t>215-0023</t>
    <phoneticPr fontId="2"/>
  </si>
  <si>
    <t>川崎市麻生区片平1778</t>
    <phoneticPr fontId="2"/>
  </si>
  <si>
    <t>神奈川県立麻生高等学校</t>
    <phoneticPr fontId="2"/>
  </si>
  <si>
    <t>神奈川県立横須賀高等学校</t>
    <phoneticPr fontId="2"/>
  </si>
  <si>
    <t>神奈川県立横須賀大津高等学校</t>
    <phoneticPr fontId="2"/>
  </si>
  <si>
    <t>神奈川県立横須賀工業高等学校</t>
    <phoneticPr fontId="2"/>
  </si>
  <si>
    <t>よこすかこうぎょう</t>
    <phoneticPr fontId="1"/>
  </si>
  <si>
    <t>かいようかがく</t>
    <phoneticPr fontId="2"/>
  </si>
  <si>
    <t>神奈川県立追浜高等学校</t>
    <phoneticPr fontId="2"/>
  </si>
  <si>
    <t>おっぱま</t>
    <phoneticPr fontId="1"/>
  </si>
  <si>
    <t>神奈川県立平塚江南高等学校</t>
    <phoneticPr fontId="2"/>
  </si>
  <si>
    <t>ひらつかこうなん</t>
    <phoneticPr fontId="1"/>
  </si>
  <si>
    <t>ひらつかこうか</t>
    <phoneticPr fontId="2"/>
  </si>
  <si>
    <t>254-0821</t>
    <phoneticPr fontId="2"/>
  </si>
  <si>
    <t>神奈川県立高浜高等学校</t>
    <phoneticPr fontId="2"/>
  </si>
  <si>
    <t>たかはま</t>
    <phoneticPr fontId="1"/>
  </si>
  <si>
    <t>ひらつかしょうふう</t>
    <phoneticPr fontId="1"/>
  </si>
  <si>
    <t>254-0013</t>
    <phoneticPr fontId="2"/>
  </si>
  <si>
    <t>神奈川県立鎌倉高等学校</t>
    <phoneticPr fontId="2"/>
  </si>
  <si>
    <t>かまくら</t>
    <phoneticPr fontId="1"/>
  </si>
  <si>
    <t>神奈川県立七里ガ浜高等学校</t>
    <phoneticPr fontId="2"/>
  </si>
  <si>
    <t>しちりがはま</t>
    <phoneticPr fontId="1"/>
  </si>
  <si>
    <t>神奈川県立大船高等学校</t>
    <phoneticPr fontId="2"/>
  </si>
  <si>
    <t>おおふな</t>
    <phoneticPr fontId="1"/>
  </si>
  <si>
    <t>神奈川県立深沢高等学校</t>
    <phoneticPr fontId="2"/>
  </si>
  <si>
    <t>ふかさわ</t>
    <phoneticPr fontId="1"/>
  </si>
  <si>
    <t>鎌倉市手広6-4-1</t>
    <phoneticPr fontId="2"/>
  </si>
  <si>
    <t>神奈川県立湘南高等学校</t>
    <phoneticPr fontId="2"/>
  </si>
  <si>
    <t>しょうなん</t>
    <phoneticPr fontId="1"/>
  </si>
  <si>
    <t>神奈川県立藤沢西高等学校</t>
    <phoneticPr fontId="2"/>
  </si>
  <si>
    <t>ふじさわにし</t>
    <phoneticPr fontId="1"/>
  </si>
  <si>
    <t>ふじさわこうか</t>
    <phoneticPr fontId="2"/>
  </si>
  <si>
    <t>252-0803</t>
    <phoneticPr fontId="2"/>
  </si>
  <si>
    <t>ふじさわせいりゅう</t>
    <phoneticPr fontId="1"/>
  </si>
  <si>
    <t>神奈川県立藤沢総合高等学校</t>
    <phoneticPr fontId="2"/>
  </si>
  <si>
    <t>ふじさわそうごう</t>
    <phoneticPr fontId="2"/>
  </si>
  <si>
    <t>252-0801</t>
    <phoneticPr fontId="2"/>
  </si>
  <si>
    <t>藤沢市長後1909</t>
    <phoneticPr fontId="2"/>
  </si>
  <si>
    <t>神奈川県立湘南台高等学校</t>
    <phoneticPr fontId="2"/>
  </si>
  <si>
    <t>しょうなんだい</t>
    <phoneticPr fontId="1"/>
  </si>
  <si>
    <t>神奈川県立小田原高等学校</t>
    <phoneticPr fontId="2"/>
  </si>
  <si>
    <t>神奈川県立西湘高等学校</t>
    <phoneticPr fontId="2"/>
  </si>
  <si>
    <t>せいしょう</t>
    <phoneticPr fontId="1"/>
  </si>
  <si>
    <t>神奈川県立小田原城北工業高等学校</t>
    <phoneticPr fontId="2"/>
  </si>
  <si>
    <t>神奈川県立茅ケ崎高等学校</t>
    <phoneticPr fontId="2"/>
  </si>
  <si>
    <t>神奈川県立茅ケ崎北陵高等学校</t>
    <phoneticPr fontId="2"/>
  </si>
  <si>
    <t>茅ヶ崎市下寺尾128</t>
    <phoneticPr fontId="2"/>
  </si>
  <si>
    <t>神奈川県立鶴嶺高等学校</t>
    <phoneticPr fontId="2"/>
  </si>
  <si>
    <t>つるみね</t>
    <phoneticPr fontId="1"/>
  </si>
  <si>
    <t>神奈川県立茅ケ崎西浜高等学校</t>
    <phoneticPr fontId="2"/>
  </si>
  <si>
    <t>ちがさきにしはま</t>
    <phoneticPr fontId="1"/>
  </si>
  <si>
    <t>神奈川県立相原高等学校</t>
    <phoneticPr fontId="2"/>
  </si>
  <si>
    <t>あいはら</t>
    <phoneticPr fontId="1"/>
  </si>
  <si>
    <t>神奈川県立上溝高等学校</t>
    <phoneticPr fontId="2"/>
  </si>
  <si>
    <t>かみみぞ</t>
    <phoneticPr fontId="1"/>
  </si>
  <si>
    <t>かながわそうごうさんぎょう</t>
    <phoneticPr fontId="2"/>
  </si>
  <si>
    <t>神奈川県立相模原高等学校</t>
    <phoneticPr fontId="2"/>
  </si>
  <si>
    <t>神奈川県立麻溝台高等学校</t>
    <phoneticPr fontId="2"/>
  </si>
  <si>
    <t>あさみぞだい</t>
    <phoneticPr fontId="1"/>
  </si>
  <si>
    <t>神奈川県立上溝南高等学校</t>
    <phoneticPr fontId="2"/>
  </si>
  <si>
    <t>かみみぞみなみ</t>
    <phoneticPr fontId="1"/>
  </si>
  <si>
    <t>神奈川県立上鶴間高等学校</t>
    <phoneticPr fontId="2"/>
  </si>
  <si>
    <t>神奈川県立橋本高等学校</t>
    <phoneticPr fontId="2"/>
  </si>
  <si>
    <t>はしもと</t>
    <phoneticPr fontId="1"/>
  </si>
  <si>
    <t>神奈川県立相模田名高等学校</t>
    <phoneticPr fontId="2"/>
  </si>
  <si>
    <t>238-0113</t>
    <phoneticPr fontId="2"/>
  </si>
  <si>
    <t>三浦市初声町入江274-2</t>
    <phoneticPr fontId="2"/>
  </si>
  <si>
    <t>神奈川県立秦野高等学校</t>
    <phoneticPr fontId="2"/>
  </si>
  <si>
    <t>はだのそうごう</t>
    <phoneticPr fontId="2"/>
  </si>
  <si>
    <t>神奈川県立秦野曽屋高等学校</t>
    <phoneticPr fontId="2"/>
  </si>
  <si>
    <t>神奈川県立厚木高等学校</t>
    <phoneticPr fontId="2"/>
  </si>
  <si>
    <t>相模原市緑区三ケ木272-1</t>
    <rPh sb="0" eb="4">
      <t>サガミハラシ</t>
    </rPh>
    <rPh sb="4" eb="6">
      <t>ミドリク</t>
    </rPh>
    <phoneticPr fontId="2"/>
  </si>
  <si>
    <t>(045)581-4692</t>
  </si>
  <si>
    <t>(045)584-8505</t>
  </si>
  <si>
    <t>(045)506-1234</t>
  </si>
  <si>
    <t>(045)504-8733</t>
  </si>
  <si>
    <t>(045)491-9461</t>
  </si>
  <si>
    <t>(045)413-4101</t>
  </si>
  <si>
    <t>(045)491-2000</t>
  </si>
  <si>
    <t>(045)491-3190</t>
  </si>
  <si>
    <t>(045)311-4621</t>
  </si>
  <si>
    <t>(045)312-9142</t>
  </si>
  <si>
    <t>(045)382-5254</t>
  </si>
  <si>
    <t>(045)382-7691</t>
  </si>
  <si>
    <t>(045)313-9200</t>
  </si>
  <si>
    <t>(045)311-0519</t>
  </si>
  <si>
    <t>(045)621-8641</t>
  </si>
  <si>
    <t>(045)624-0765</t>
  </si>
  <si>
    <t>(045)242-1926</t>
  </si>
  <si>
    <t>(045)253-6393</t>
  </si>
  <si>
    <t>(045)721-1434</t>
  </si>
  <si>
    <t>(045)742-9493</t>
  </si>
  <si>
    <t>(045)842-3764</t>
  </si>
  <si>
    <t>(045)846-6856</t>
  </si>
  <si>
    <t>(045)825-3605</t>
  </si>
  <si>
    <t>(045)712-5577</t>
  </si>
  <si>
    <t>(045)742-9717</t>
  </si>
  <si>
    <t>(045)353-0591</t>
  </si>
  <si>
    <t>(045)353-1565</t>
  </si>
  <si>
    <t>(045)371-7781</t>
  </si>
  <si>
    <t>(045)371-4560</t>
  </si>
  <si>
    <t>(045)391-0061</t>
  </si>
  <si>
    <t>(045)361-9789</t>
  </si>
  <si>
    <t>(045)391-6165</t>
  </si>
  <si>
    <t>(045)361-9777</t>
  </si>
  <si>
    <t>(045)953-3301</t>
  </si>
  <si>
    <t>(045)951-3117</t>
  </si>
  <si>
    <t>(045)953-1004</t>
  </si>
  <si>
    <t>(045)951-3151</t>
  </si>
  <si>
    <t>(045)761-0251</t>
  </si>
  <si>
    <t>(045)754-3171</t>
  </si>
  <si>
    <t>(045)772-0606</t>
  </si>
  <si>
    <t>(045)776-2468</t>
  </si>
  <si>
    <t>(045)773-6771</t>
  </si>
  <si>
    <t>(045)776-2406</t>
  </si>
  <si>
    <t>(045)785-1670</t>
  </si>
  <si>
    <t>(045)786-4188</t>
  </si>
  <si>
    <t>(045)541-6251</t>
  </si>
  <si>
    <t>(045)545-7871</t>
  </si>
  <si>
    <t>(045)543-8631</t>
  </si>
  <si>
    <t>(045)545-7794</t>
  </si>
  <si>
    <t>(045)401-7872</t>
  </si>
  <si>
    <t>(045)402-8406</t>
  </si>
  <si>
    <t>(045)921-6911</t>
  </si>
  <si>
    <t>(045)923-0753</t>
  </si>
  <si>
    <t>(045)933-2231</t>
  </si>
  <si>
    <t>(045)935-0573</t>
  </si>
  <si>
    <t>(045)971-2041</t>
  </si>
  <si>
    <t>(045)972-6522</t>
  </si>
  <si>
    <t>(045)962-3135</t>
  </si>
  <si>
    <t>(045)962-9039</t>
  </si>
  <si>
    <t>(045)902-2692</t>
  </si>
  <si>
    <t>(045)902-8948</t>
  </si>
  <si>
    <t>(045)941-2436</t>
  </si>
  <si>
    <t>(045)942-0826</t>
  </si>
  <si>
    <t>(045)941-3111</t>
  </si>
  <si>
    <t>(045)942-0814</t>
  </si>
  <si>
    <t>(045)593-0307</t>
  </si>
  <si>
    <t>(045)591-5292</t>
  </si>
  <si>
    <t>(045)823-8761</t>
  </si>
  <si>
    <t>(045)825-3573</t>
  </si>
  <si>
    <t>(045)862-9343</t>
  </si>
  <si>
    <t>(045)862-6364</t>
  </si>
  <si>
    <t>(045)861-3500</t>
  </si>
  <si>
    <t>(045)862-6347</t>
  </si>
  <si>
    <t>(045)892-2105</t>
  </si>
  <si>
    <t>(045)895-0856</t>
  </si>
  <si>
    <t>(045)852-4721</t>
  </si>
  <si>
    <t>(045)852-7748</t>
  </si>
  <si>
    <t>(045)891-5581</t>
  </si>
  <si>
    <t>(045)895-0587</t>
  </si>
  <si>
    <t>(045)803-3036</t>
  </si>
  <si>
    <t>(045)802-9935</t>
  </si>
  <si>
    <t>(045)812-3371</t>
  </si>
  <si>
    <t>(045)813-1431</t>
  </si>
  <si>
    <t>(045)800-3711</t>
  </si>
  <si>
    <t>(045)802-3773</t>
  </si>
  <si>
    <t>(044)344-5821</t>
  </si>
  <si>
    <t>(044)344-9140</t>
  </si>
  <si>
    <t>(044)276-1201</t>
  </si>
  <si>
    <t>(044)266-5961</t>
  </si>
  <si>
    <t>(044)511-0114</t>
  </si>
  <si>
    <t>(044)549-0138</t>
  </si>
  <si>
    <t>(044)766-7457</t>
  </si>
  <si>
    <t>(044)752-7812</t>
  </si>
  <si>
    <t>(044)433-8555</t>
  </si>
  <si>
    <t>(044)433-8760</t>
  </si>
  <si>
    <t>(044)855-2631</t>
  </si>
  <si>
    <t>(044)855-7769</t>
  </si>
  <si>
    <t>(044)911-7107</t>
  </si>
  <si>
    <t>(044)934-4650</t>
  </si>
  <si>
    <t>(044)833-5221</t>
  </si>
  <si>
    <t>(044)812-6556</t>
  </si>
  <si>
    <t>(044)977-3800</t>
  </si>
  <si>
    <t>(044)976-9398</t>
  </si>
  <si>
    <t>(044)977-8955</t>
  </si>
  <si>
    <t>(044)976-8735</t>
  </si>
  <si>
    <t>(044)932-1211</t>
  </si>
  <si>
    <t>(044)934-4648</t>
  </si>
  <si>
    <t>(044)944-4141</t>
  </si>
  <si>
    <t>(044)944-9190</t>
  </si>
  <si>
    <t>(044)987-1750</t>
  </si>
  <si>
    <t>(044)989-6074</t>
  </si>
  <si>
    <t>(044)966-7766</t>
  </si>
  <si>
    <t>(044)953-9234</t>
  </si>
  <si>
    <t>(042)774-0611</t>
  </si>
  <si>
    <t>(042)771-1176</t>
  </si>
  <si>
    <t>(042)784-1053</t>
  </si>
  <si>
    <t>(042)784-7960</t>
  </si>
  <si>
    <t>(042)762-0008</t>
  </si>
  <si>
    <t>(042)762-5873</t>
  </si>
  <si>
    <t>(042)752-4133</t>
  </si>
  <si>
    <t>(042)753-6348</t>
  </si>
  <si>
    <t>(042)778-1981</t>
  </si>
  <si>
    <t>(042)778-4057</t>
  </si>
  <si>
    <t>(042)761-3339</t>
  </si>
  <si>
    <t>(042)763-3802</t>
  </si>
  <si>
    <t>(042)742-6111</t>
  </si>
  <si>
    <t>(042)740-2851</t>
  </si>
  <si>
    <t>(042)778-2731</t>
  </si>
  <si>
    <t>(042)778-4094</t>
  </si>
  <si>
    <t>(042)743-5622</t>
  </si>
  <si>
    <t>(042)743-5803</t>
  </si>
  <si>
    <t>(046)851-0120</t>
  </si>
  <si>
    <t>(046)851-5282</t>
  </si>
  <si>
    <t>(046)836-0281</t>
  </si>
  <si>
    <t>(046)836-8879</t>
  </si>
  <si>
    <t>(046)851-2122</t>
  </si>
  <si>
    <t>(046)851-5643</t>
  </si>
  <si>
    <t>(046)856-3128</t>
  </si>
  <si>
    <t>(046)857-6457</t>
  </si>
  <si>
    <t>(046)865-4174</t>
  </si>
  <si>
    <t>(046)865-9891</t>
  </si>
  <si>
    <t>(046)848-2121</t>
  </si>
  <si>
    <t>(046)848-8939</t>
  </si>
  <si>
    <t>(046)834-5671</t>
  </si>
  <si>
    <t>(046)834-3564</t>
  </si>
  <si>
    <t>(046)889-1771</t>
  </si>
  <si>
    <t>(046)888-3857</t>
  </si>
  <si>
    <t>(046)221-4078</t>
  </si>
  <si>
    <t>(046)222-8243</t>
  </si>
  <si>
    <t>(046)222-8204</t>
  </si>
  <si>
    <t>(046)241-8001</t>
  </si>
  <si>
    <t>(046)242-6948</t>
  </si>
  <si>
    <t>(046)228-2015</t>
  </si>
  <si>
    <t>(046)229-2674</t>
  </si>
  <si>
    <t>(046)248-1705</t>
  </si>
  <si>
    <t>(046)248-7461</t>
  </si>
  <si>
    <t>(046)274-0026</t>
  </si>
  <si>
    <t>(046)277-0691</t>
  </si>
  <si>
    <t>(046)269-5050</t>
  </si>
  <si>
    <t>(046)268-4390</t>
  </si>
  <si>
    <t>(046)264-1515</t>
  </si>
  <si>
    <t>(046)262-3655</t>
  </si>
  <si>
    <t>(046)276-1155</t>
  </si>
  <si>
    <t>(046)277-0681</t>
  </si>
  <si>
    <t>(046)231-5202</t>
  </si>
  <si>
    <t>(046)231-1599</t>
  </si>
  <si>
    <t>(046)232-2231</t>
  </si>
  <si>
    <t>(046)231-1762</t>
  </si>
  <si>
    <t>(046)238-1333</t>
  </si>
  <si>
    <t>(046)238-7980</t>
  </si>
  <si>
    <t>(046)253-2011</t>
  </si>
  <si>
    <t>(046)252-5452</t>
  </si>
  <si>
    <t>(046)253-2920</t>
  </si>
  <si>
    <t>(046)252-6020</t>
  </si>
  <si>
    <t>(046)298-3455</t>
  </si>
  <si>
    <t>(046)298-3458</t>
  </si>
  <si>
    <t>(046)286-2871</t>
  </si>
  <si>
    <t>(046)286-5494</t>
  </si>
  <si>
    <t>(0463)31-2066</t>
  </si>
  <si>
    <t>(0463)31-5363</t>
  </si>
  <si>
    <t>(0463)31-0944</t>
  </si>
  <si>
    <t>(0463)34-9384</t>
  </si>
  <si>
    <t>(0463)31-0417</t>
  </si>
  <si>
    <t>(0463)32-6983</t>
  </si>
  <si>
    <t>(0463)21-0417</t>
  </si>
  <si>
    <t>(0463)23-7138</t>
  </si>
  <si>
    <t>(0463)55-1532</t>
  </si>
  <si>
    <t>(0463)54-8299</t>
  </si>
  <si>
    <t>(0463)77-1422</t>
  </si>
  <si>
    <t>(0463)79-1886</t>
  </si>
  <si>
    <t>(0463)82-1400</t>
  </si>
  <si>
    <t>(0463)83-4092</t>
  </si>
  <si>
    <t>(0463)82-4000</t>
  </si>
  <si>
    <t>(0463)83-5342</t>
  </si>
  <si>
    <t>(0463)95-2578</t>
  </si>
  <si>
    <t>(0463)96-2558</t>
  </si>
  <si>
    <t>(0463)93-5613</t>
  </si>
  <si>
    <t>(0463)96-2961</t>
  </si>
  <si>
    <t>(0463)61-0058</t>
  </si>
  <si>
    <t>(0463)61-7982</t>
  </si>
  <si>
    <t>(0463)71-3215</t>
  </si>
  <si>
    <t>(0463)73-3027</t>
  </si>
  <si>
    <t>(0467)32-4851</t>
  </si>
  <si>
    <t>(0467)31-1669</t>
  </si>
  <si>
    <t>(0467)32-5457</t>
  </si>
  <si>
    <t>(0467)32-7202</t>
  </si>
  <si>
    <t>(0467)47-1811</t>
  </si>
  <si>
    <t>(0467)43-4856</t>
  </si>
  <si>
    <t>(0467)31-6600</t>
  </si>
  <si>
    <t>(0467)31-3350</t>
  </si>
  <si>
    <t>(0467)52-2225</t>
  </si>
  <si>
    <t>(0467)54-2117</t>
  </si>
  <si>
    <t>(0467)51-0311</t>
  </si>
  <si>
    <t>(0467)54-2160</t>
  </si>
  <si>
    <t>(0467)52-6601</t>
  </si>
  <si>
    <t>(0467)54-2124</t>
  </si>
  <si>
    <t>(0467)85-0008</t>
  </si>
  <si>
    <t>(0467)87-7899</t>
  </si>
  <si>
    <t>(0467)76-1400</t>
  </si>
  <si>
    <t>(0467)76-8241</t>
  </si>
  <si>
    <t>(0467)77-5121</t>
  </si>
  <si>
    <t>(0467)76-8199</t>
  </si>
  <si>
    <t>(0467)74-2312</t>
  </si>
  <si>
    <t>(0467)74-9012</t>
  </si>
  <si>
    <t>(0466)26-4151</t>
  </si>
  <si>
    <t>(0466)28-0020</t>
  </si>
  <si>
    <t>(0466)87-2150</t>
  </si>
  <si>
    <t>(0466)87-9704</t>
  </si>
  <si>
    <t>(0466)43-3402</t>
  </si>
  <si>
    <t>(0466)43-4942</t>
  </si>
  <si>
    <t>(0466)82-8111</t>
  </si>
  <si>
    <t>(0466)83-3536</t>
  </si>
  <si>
    <t>(0466)45-5200</t>
  </si>
  <si>
    <t>(0466)46-0817</t>
  </si>
  <si>
    <t>(0466)45-6600</t>
  </si>
  <si>
    <t>(0466)46-0787</t>
  </si>
  <si>
    <t>(0465)23-1201</t>
  </si>
  <si>
    <t>(0465)23-6144</t>
  </si>
  <si>
    <t>(0465)34-2847</t>
  </si>
  <si>
    <t>(0465)35-9038</t>
  </si>
  <si>
    <t>(0465)47-2171</t>
  </si>
  <si>
    <t>(0465)48-2350</t>
  </si>
  <si>
    <t>(0465)36-0111</t>
  </si>
  <si>
    <t>(0465)37-5425</t>
  </si>
  <si>
    <t>(0465)73-0010</t>
  </si>
  <si>
    <t>(0465)73-3278</t>
  </si>
  <si>
    <t>(0465)83-4101</t>
  </si>
  <si>
    <t>(0465)83-6222</t>
  </si>
  <si>
    <t>(0465)75-0828</t>
  </si>
  <si>
    <t>(0465)75-1770</t>
  </si>
  <si>
    <t>(0465)82-0151</t>
  </si>
  <si>
    <t>(0465)82-7684</t>
  </si>
  <si>
    <t>234-0054</t>
    <phoneticPr fontId="1"/>
  </si>
  <si>
    <t>横浜市港南区港南台9-18-1</t>
    <rPh sb="3" eb="6">
      <t>コウナンク</t>
    </rPh>
    <rPh sb="6" eb="9">
      <t>コウナンダイ</t>
    </rPh>
    <phoneticPr fontId="1"/>
  </si>
  <si>
    <t>231-0825</t>
    <phoneticPr fontId="1"/>
  </si>
  <si>
    <t>横浜市中区本牧間門40-1</t>
    <phoneticPr fontId="1"/>
  </si>
  <si>
    <t>(045)621-0261</t>
    <phoneticPr fontId="1"/>
  </si>
  <si>
    <t>神奈川県立横浜明朋高等学校</t>
    <rPh sb="0" eb="3">
      <t>カナガワ</t>
    </rPh>
    <rPh sb="3" eb="5">
      <t>ケンリツ</t>
    </rPh>
    <phoneticPr fontId="1"/>
  </si>
  <si>
    <t>よこはまめいほう</t>
    <phoneticPr fontId="1"/>
  </si>
  <si>
    <t>(045)836-1680</t>
    <phoneticPr fontId="1"/>
  </si>
  <si>
    <t>(045)835-1248</t>
    <phoneticPr fontId="1"/>
  </si>
  <si>
    <t>総合技術・総合ビジネス</t>
    <rPh sb="0" eb="2">
      <t>ソウゴウ</t>
    </rPh>
    <rPh sb="2" eb="4">
      <t>ギジュツ</t>
    </rPh>
    <rPh sb="5" eb="7">
      <t>ソウゴウ</t>
    </rPh>
    <phoneticPr fontId="1"/>
  </si>
  <si>
    <t>畜産科学・食品科学・環境緑地・総合ビジネス</t>
    <rPh sb="0" eb="2">
      <t>チクサン</t>
    </rPh>
    <rPh sb="2" eb="4">
      <t>カガク</t>
    </rPh>
    <rPh sb="5" eb="7">
      <t>ショクヒン</t>
    </rPh>
    <rPh sb="7" eb="9">
      <t>カガク</t>
    </rPh>
    <rPh sb="10" eb="12">
      <t>カンキョウ</t>
    </rPh>
    <rPh sb="12" eb="14">
      <t>リョクチ</t>
    </rPh>
    <rPh sb="15" eb="17">
      <t>ソウゴウ</t>
    </rPh>
    <phoneticPr fontId="1"/>
  </si>
  <si>
    <t>小田原市城山3-26-1</t>
    <phoneticPr fontId="1"/>
  </si>
  <si>
    <t>茅ヶ崎市本村3-4-1</t>
    <phoneticPr fontId="1"/>
  </si>
  <si>
    <t>園芸科学・畜産科学・農業総合</t>
    <rPh sb="0" eb="2">
      <t>エンゲイ</t>
    </rPh>
    <rPh sb="2" eb="4">
      <t>カガク</t>
    </rPh>
    <rPh sb="5" eb="7">
      <t>チクサン</t>
    </rPh>
    <rPh sb="7" eb="9">
      <t>カガク</t>
    </rPh>
    <rPh sb="10" eb="12">
      <t>ノウギョウ</t>
    </rPh>
    <rPh sb="12" eb="14">
      <t>ソウゴウ</t>
    </rPh>
    <phoneticPr fontId="1"/>
  </si>
  <si>
    <t>神奈川県立鶴見高等学校</t>
    <rPh sb="0" eb="3">
      <t>カナガワ</t>
    </rPh>
    <rPh sb="3" eb="5">
      <t>ケンリツ</t>
    </rPh>
    <rPh sb="9" eb="11">
      <t>ガッコウ</t>
    </rPh>
    <phoneticPr fontId="2"/>
  </si>
  <si>
    <t>神奈川県立横浜清陵高等学校</t>
    <phoneticPr fontId="2"/>
  </si>
  <si>
    <t>よこはませいりょう</t>
    <phoneticPr fontId="2"/>
  </si>
  <si>
    <t>神奈川県立横浜緑園高等学校</t>
    <rPh sb="0" eb="5">
      <t>カナガワケンリツ</t>
    </rPh>
    <rPh sb="5" eb="7">
      <t>ヨコハマ</t>
    </rPh>
    <rPh sb="7" eb="9">
      <t>リョクエン</t>
    </rPh>
    <rPh sb="9" eb="11">
      <t>コウトウ</t>
    </rPh>
    <rPh sb="11" eb="13">
      <t>ガッコウ</t>
    </rPh>
    <phoneticPr fontId="2"/>
  </si>
  <si>
    <t>よこはまりょくえん</t>
    <phoneticPr fontId="2"/>
  </si>
  <si>
    <t>神奈川県立小田原東高等学校</t>
    <rPh sb="0" eb="5">
      <t>カナガワケンリツ</t>
    </rPh>
    <rPh sb="5" eb="8">
      <t>オダワラ</t>
    </rPh>
    <rPh sb="8" eb="9">
      <t>ヒガシ</t>
    </rPh>
    <rPh sb="9" eb="11">
      <t>コウトウ</t>
    </rPh>
    <rPh sb="11" eb="13">
      <t>ガッコウ</t>
    </rPh>
    <phoneticPr fontId="2"/>
  </si>
  <si>
    <t>普通、総合ビジネス</t>
    <rPh sb="0" eb="2">
      <t>フツウ</t>
    </rPh>
    <rPh sb="3" eb="5">
      <t>ソウゴウ</t>
    </rPh>
    <phoneticPr fontId="1"/>
  </si>
  <si>
    <t>神奈川県立吉田島高等学校</t>
    <rPh sb="0" eb="5">
      <t>カナガワケンリツ</t>
    </rPh>
    <rPh sb="5" eb="7">
      <t>ヨシダ</t>
    </rPh>
    <rPh sb="7" eb="8">
      <t>ジマ</t>
    </rPh>
    <rPh sb="8" eb="10">
      <t>コウトウ</t>
    </rPh>
    <rPh sb="10" eb="12">
      <t>ガッコウ</t>
    </rPh>
    <phoneticPr fontId="1"/>
  </si>
  <si>
    <t>普通・美術</t>
    <rPh sb="0" eb="2">
      <t>フツウ</t>
    </rPh>
    <rPh sb="3" eb="5">
      <t>ビジュツ</t>
    </rPh>
    <phoneticPr fontId="1"/>
  </si>
  <si>
    <t>普通・スポーツ科学</t>
    <rPh sb="0" eb="2">
      <t>フツウ</t>
    </rPh>
    <rPh sb="7" eb="9">
      <t>カガク</t>
    </rPh>
    <phoneticPr fontId="1"/>
  </si>
  <si>
    <t>おだわらひがし</t>
    <phoneticPr fontId="2"/>
  </si>
  <si>
    <t>よしだじま</t>
    <phoneticPr fontId="1"/>
  </si>
  <si>
    <t>神奈川県立三浦初声高等学校</t>
    <rPh sb="7" eb="8">
      <t>ハツ</t>
    </rPh>
    <rPh sb="8" eb="9">
      <t>セイ</t>
    </rPh>
    <phoneticPr fontId="2"/>
  </si>
  <si>
    <t>みうらはっせ</t>
    <phoneticPr fontId="2"/>
  </si>
  <si>
    <t>設置者</t>
    <rPh sb="0" eb="2">
      <t>セッチ</t>
    </rPh>
    <rPh sb="2" eb="3">
      <t>シャ</t>
    </rPh>
    <phoneticPr fontId="1"/>
  </si>
  <si>
    <t>神奈川県</t>
    <rPh sb="0" eb="4">
      <t>カナガワケン</t>
    </rPh>
    <phoneticPr fontId="1"/>
  </si>
  <si>
    <t>252-0132</t>
    <phoneticPr fontId="1"/>
  </si>
  <si>
    <t>(042)760-6131</t>
    <phoneticPr fontId="1"/>
  </si>
  <si>
    <t>国際</t>
    <rPh sb="0" eb="2">
      <t>コクサイ</t>
    </rPh>
    <phoneticPr fontId="1"/>
  </si>
  <si>
    <t>(042)760-6140</t>
    <phoneticPr fontId="1"/>
  </si>
  <si>
    <t>ファクシミリ</t>
    <phoneticPr fontId="1"/>
  </si>
  <si>
    <t>横浜市南区六ツ川1-731</t>
    <rPh sb="0" eb="3">
      <t>ヨコハマシ</t>
    </rPh>
    <rPh sb="3" eb="5">
      <t>ミナミク</t>
    </rPh>
    <rPh sb="5" eb="6">
      <t>ロク</t>
    </rPh>
    <rPh sb="7" eb="8">
      <t>ガワ</t>
    </rPh>
    <phoneticPr fontId="2"/>
  </si>
  <si>
    <t>横浜市保土ケ谷区権太坂1-7-1</t>
    <phoneticPr fontId="1"/>
  </si>
  <si>
    <t>横浜市保土ケ谷区今井町743</t>
    <phoneticPr fontId="1"/>
  </si>
  <si>
    <t>横浜市保土ケ谷区川島町1557</t>
    <phoneticPr fontId="1"/>
  </si>
  <si>
    <t>横浜市青葉区市ケ尾町1854</t>
    <rPh sb="9" eb="10">
      <t>マチ</t>
    </rPh>
    <phoneticPr fontId="1"/>
  </si>
  <si>
    <t>神奈川県立相模原弥栄高等学校</t>
    <phoneticPr fontId="1"/>
  </si>
  <si>
    <t>さがみはらやえい</t>
    <phoneticPr fontId="1"/>
  </si>
  <si>
    <t>252-0229</t>
    <phoneticPr fontId="1"/>
  </si>
  <si>
    <t>(042)758-4695</t>
    <phoneticPr fontId="1"/>
  </si>
  <si>
    <t>(042)751-6137</t>
    <phoneticPr fontId="1"/>
  </si>
  <si>
    <t>全日単位</t>
    <phoneticPr fontId="1"/>
  </si>
  <si>
    <t>普通・スポーツ科学・音楽・美術</t>
    <phoneticPr fontId="1"/>
  </si>
  <si>
    <t>神奈川県立横浜氷取沢高等学校</t>
    <phoneticPr fontId="1"/>
  </si>
  <si>
    <t>よこはまひとりざわ</t>
    <phoneticPr fontId="1"/>
  </si>
  <si>
    <t>全日</t>
  </si>
  <si>
    <t>普通</t>
  </si>
  <si>
    <t>神奈川県立横須賀南高等学校</t>
    <phoneticPr fontId="1"/>
  </si>
  <si>
    <t>よこすかみなみ</t>
    <phoneticPr fontId="1"/>
  </si>
  <si>
    <t>神奈川県立平塚農商高等学校</t>
    <phoneticPr fontId="1"/>
  </si>
  <si>
    <t>ひらつかのうしょう</t>
    <phoneticPr fontId="1"/>
  </si>
  <si>
    <t>平塚市達上ケ丘10-10</t>
    <phoneticPr fontId="1"/>
  </si>
  <si>
    <t>全日</t>
    <phoneticPr fontId="1"/>
  </si>
  <si>
    <t>(045)624-3756</t>
    <phoneticPr fontId="1"/>
  </si>
  <si>
    <t>252-0029</t>
    <phoneticPr fontId="1"/>
  </si>
  <si>
    <r>
      <t>222-003</t>
    </r>
    <r>
      <rPr>
        <sz val="11"/>
        <rFont val="ＭＳ Ｐゴシック"/>
        <family val="3"/>
        <charset val="128"/>
      </rPr>
      <t>7</t>
    </r>
    <phoneticPr fontId="1"/>
  </si>
  <si>
    <r>
      <t>横浜市港北区大倉山7</t>
    </r>
    <r>
      <rPr>
        <sz val="11"/>
        <rFont val="ＭＳ Ｐゴシック"/>
        <family val="3"/>
        <charset val="128"/>
      </rPr>
      <t>-35-1</t>
    </r>
    <rPh sb="3" eb="6">
      <t>コウホクク</t>
    </rPh>
    <rPh sb="6" eb="8">
      <t>オオクラ</t>
    </rPh>
    <rPh sb="8" eb="9">
      <t>ヤマ</t>
    </rPh>
    <phoneticPr fontId="1"/>
  </si>
  <si>
    <r>
      <t>245-</t>
    </r>
    <r>
      <rPr>
        <sz val="11"/>
        <rFont val="ＭＳ Ｐゴシック"/>
        <family val="3"/>
        <charset val="128"/>
      </rPr>
      <t>0016</t>
    </r>
    <phoneticPr fontId="1"/>
  </si>
  <si>
    <r>
      <t>相模原市緑区橋本</t>
    </r>
    <r>
      <rPr>
        <sz val="11"/>
        <rFont val="ＭＳ Ｐゴシック"/>
        <family val="3"/>
        <charset val="128"/>
      </rPr>
      <t>台4-2-1</t>
    </r>
    <rPh sb="4" eb="6">
      <t>ミドリク</t>
    </rPh>
    <rPh sb="8" eb="9">
      <t>ダイ</t>
    </rPh>
    <phoneticPr fontId="1"/>
  </si>
  <si>
    <r>
      <t>2</t>
    </r>
    <r>
      <rPr>
        <sz val="11"/>
        <rFont val="ＭＳ Ｐゴシック"/>
        <family val="3"/>
        <charset val="128"/>
      </rPr>
      <t>52-0143</t>
    </r>
    <phoneticPr fontId="1"/>
  </si>
  <si>
    <r>
      <t>2</t>
    </r>
    <r>
      <rPr>
        <sz val="11"/>
        <rFont val="ＭＳ Ｐゴシック"/>
        <family val="3"/>
        <charset val="128"/>
      </rPr>
      <t>52-0159</t>
    </r>
    <phoneticPr fontId="1"/>
  </si>
  <si>
    <r>
      <t>（全日）普通・福祉
（定時）</t>
    </r>
    <r>
      <rPr>
        <sz val="11"/>
        <rFont val="ＭＳ Ｐゴシック"/>
        <family val="3"/>
        <charset val="128"/>
      </rPr>
      <t>普通</t>
    </r>
    <rPh sb="1" eb="2">
      <t>ゼン</t>
    </rPh>
    <rPh sb="2" eb="3">
      <t>ヒ</t>
    </rPh>
    <rPh sb="4" eb="6">
      <t>フツウ</t>
    </rPh>
    <rPh sb="7" eb="9">
      <t>フクシ</t>
    </rPh>
    <rPh sb="11" eb="13">
      <t>テイジ</t>
    </rPh>
    <rPh sb="14" eb="16">
      <t>フツウ</t>
    </rPh>
    <phoneticPr fontId="1"/>
  </si>
  <si>
    <r>
      <t>2</t>
    </r>
    <r>
      <rPr>
        <sz val="11"/>
        <rFont val="ＭＳ Ｐゴシック"/>
        <family val="3"/>
        <charset val="128"/>
      </rPr>
      <t>52-0243</t>
    </r>
    <phoneticPr fontId="1"/>
  </si>
  <si>
    <r>
      <t>2</t>
    </r>
    <r>
      <rPr>
        <sz val="11"/>
        <rFont val="ＭＳ Ｐゴシック"/>
        <family val="3"/>
        <charset val="128"/>
      </rPr>
      <t>52-0242</t>
    </r>
    <phoneticPr fontId="1"/>
  </si>
  <si>
    <r>
      <t>2</t>
    </r>
    <r>
      <rPr>
        <sz val="11"/>
        <rFont val="ＭＳ Ｐゴシック"/>
        <family val="3"/>
        <charset val="128"/>
      </rPr>
      <t>52-0244</t>
    </r>
    <phoneticPr fontId="1"/>
  </si>
  <si>
    <r>
      <t>2</t>
    </r>
    <r>
      <rPr>
        <sz val="11"/>
        <rFont val="ＭＳ Ｐゴシック"/>
        <family val="3"/>
        <charset val="128"/>
      </rPr>
      <t>52-0307</t>
    </r>
    <phoneticPr fontId="2"/>
  </si>
  <si>
    <r>
      <t>2</t>
    </r>
    <r>
      <rPr>
        <sz val="11"/>
        <rFont val="ＭＳ Ｐゴシック"/>
        <family val="3"/>
        <charset val="128"/>
      </rPr>
      <t>52-0329</t>
    </r>
    <phoneticPr fontId="1"/>
  </si>
  <si>
    <r>
      <t>2</t>
    </r>
    <r>
      <rPr>
        <sz val="11"/>
        <rFont val="ＭＳ Ｐゴシック"/>
        <family val="3"/>
        <charset val="128"/>
      </rPr>
      <t>52-0318</t>
    </r>
    <phoneticPr fontId="2"/>
  </si>
  <si>
    <r>
      <t>平塚市田村3</t>
    </r>
    <r>
      <rPr>
        <sz val="11"/>
        <rFont val="ＭＳ Ｐゴシック"/>
        <family val="3"/>
        <charset val="128"/>
      </rPr>
      <t>-13-1</t>
    </r>
    <rPh sb="0" eb="3">
      <t>ヒラツカシ</t>
    </rPh>
    <rPh sb="3" eb="5">
      <t>タムラ</t>
    </rPh>
    <phoneticPr fontId="2"/>
  </si>
  <si>
    <r>
      <rPr>
        <sz val="11"/>
        <rFont val="ＭＳ Ｐゴシック"/>
        <family val="3"/>
        <charset val="128"/>
      </rPr>
      <t>座間市入谷西5-11-1</t>
    </r>
    <rPh sb="3" eb="5">
      <t>イリヤ</t>
    </rPh>
    <rPh sb="5" eb="6">
      <t>ニシ</t>
    </rPh>
    <phoneticPr fontId="1"/>
  </si>
  <si>
    <r>
      <t>2</t>
    </r>
    <r>
      <rPr>
        <sz val="11"/>
        <rFont val="ＭＳ Ｐゴシック"/>
        <family val="3"/>
        <charset val="128"/>
      </rPr>
      <t>52-0013</t>
    </r>
    <phoneticPr fontId="1"/>
  </si>
  <si>
    <r>
      <t>2</t>
    </r>
    <r>
      <rPr>
        <sz val="11"/>
        <rFont val="ＭＳ Ｐゴシック"/>
        <family val="3"/>
        <charset val="128"/>
      </rPr>
      <t>52-0003</t>
    </r>
    <phoneticPr fontId="1"/>
  </si>
  <si>
    <r>
      <t>座間市ひばりが丘3</t>
    </r>
    <r>
      <rPr>
        <sz val="11"/>
        <rFont val="ＭＳ Ｐゴシック"/>
        <family val="3"/>
        <charset val="128"/>
      </rPr>
      <t>-58-1</t>
    </r>
    <rPh sb="0" eb="3">
      <t>ザマシ</t>
    </rPh>
    <rPh sb="7" eb="8">
      <t>オカ</t>
    </rPh>
    <phoneticPr fontId="1"/>
  </si>
  <si>
    <r>
      <t>都市農業・食品加工・環境緑地・</t>
    </r>
    <r>
      <rPr>
        <sz val="11"/>
        <rFont val="ＭＳ Ｐゴシック"/>
        <family val="3"/>
        <charset val="128"/>
      </rPr>
      <t>生活科学</t>
    </r>
    <rPh sb="0" eb="2">
      <t>トシ</t>
    </rPh>
    <rPh sb="2" eb="4">
      <t>ノウギョウ</t>
    </rPh>
    <rPh sb="5" eb="7">
      <t>ショクヒン</t>
    </rPh>
    <rPh sb="7" eb="9">
      <t>カコウ</t>
    </rPh>
    <rPh sb="10" eb="12">
      <t>カンキョウ</t>
    </rPh>
    <rPh sb="12" eb="14">
      <t>リョクチ</t>
    </rPh>
    <rPh sb="15" eb="17">
      <t>セイカツ</t>
    </rPh>
    <rPh sb="17" eb="19">
      <t>カガク</t>
    </rPh>
    <phoneticPr fontId="1"/>
  </si>
  <si>
    <t>普通・都市農業</t>
    <rPh sb="0" eb="2">
      <t>フツウ</t>
    </rPh>
    <rPh sb="3" eb="5">
      <t>トシ</t>
    </rPh>
    <rPh sb="5" eb="7">
      <t>ノウギョウ</t>
    </rPh>
    <phoneticPr fontId="1"/>
  </si>
  <si>
    <t>海老名市社家5-27-1</t>
    <phoneticPr fontId="1"/>
  </si>
  <si>
    <r>
      <t>普通</t>
    </r>
    <r>
      <rPr>
        <sz val="11"/>
        <rFont val="ＭＳ Ｐゴシック"/>
        <family val="3"/>
        <charset val="128"/>
      </rPr>
      <t>・舞台芸術</t>
    </r>
    <rPh sb="0" eb="2">
      <t>フツウ</t>
    </rPh>
    <rPh sb="3" eb="7">
      <t>ブタイゲイジュツ</t>
    </rPh>
    <phoneticPr fontId="1"/>
  </si>
  <si>
    <r>
      <t>機械・電気・化学</t>
    </r>
    <r>
      <rPr>
        <sz val="11"/>
        <rFont val="ＭＳ Ｐゴシック"/>
        <family val="3"/>
        <charset val="128"/>
      </rPr>
      <t>・建設</t>
    </r>
    <rPh sb="0" eb="2">
      <t>キカイ</t>
    </rPh>
    <rPh sb="3" eb="5">
      <t>デンキ</t>
    </rPh>
    <rPh sb="6" eb="8">
      <t>カガク</t>
    </rPh>
    <phoneticPr fontId="1"/>
  </si>
  <si>
    <t>全日</t>
    <rPh sb="0" eb="2">
      <t>ゼンニチ</t>
    </rPh>
    <phoneticPr fontId="1"/>
  </si>
  <si>
    <t>普通・福祉</t>
    <rPh sb="0" eb="2">
      <t>フツウ</t>
    </rPh>
    <rPh sb="3" eb="5">
      <t>フクシ</t>
    </rPh>
    <phoneticPr fontId="1"/>
  </si>
  <si>
    <r>
      <t>都市農業・都市環境・食品科学・農業総合・総合ビジネス</t>
    </r>
    <r>
      <rPr>
        <sz val="11"/>
        <color rgb="FFFF0000"/>
        <rFont val="ＭＳ Ｐゴシック"/>
        <family val="3"/>
        <charset val="128"/>
      </rPr>
      <t/>
    </r>
    <rPh sb="0" eb="2">
      <t>トシ</t>
    </rPh>
    <rPh sb="2" eb="4">
      <t>ノウギョウ</t>
    </rPh>
    <rPh sb="5" eb="7">
      <t>トシ</t>
    </rPh>
    <rPh sb="7" eb="9">
      <t>カンキョウ</t>
    </rPh>
    <rPh sb="10" eb="12">
      <t>ショクヒン</t>
    </rPh>
    <rPh sb="12" eb="14">
      <t>カガク</t>
    </rPh>
    <rPh sb="15" eb="17">
      <t>ノウギョウ</t>
    </rPh>
    <rPh sb="17" eb="19">
      <t>ソウゴウ</t>
    </rPh>
    <rPh sb="20" eb="22">
      <t>ソウゴウ</t>
    </rPh>
    <phoneticPr fontId="1"/>
  </si>
  <si>
    <t>神奈川県立横浜瀬谷高等学校</t>
    <rPh sb="0" eb="3">
      <t>カナガワ</t>
    </rPh>
    <rPh sb="3" eb="5">
      <t>ケンリツ</t>
    </rPh>
    <rPh sb="5" eb="7">
      <t>ヨコハマ</t>
    </rPh>
    <rPh sb="7" eb="9">
      <t>セヤ</t>
    </rPh>
    <rPh sb="9" eb="11">
      <t>コウトウ</t>
    </rPh>
    <rPh sb="11" eb="13">
      <t>ガッコウ</t>
    </rPh>
    <phoneticPr fontId="1"/>
  </si>
  <si>
    <t>横浜市瀬谷区東野台29-１</t>
    <phoneticPr fontId="1"/>
  </si>
  <si>
    <t>よこはませや</t>
    <phoneticPr fontId="1"/>
  </si>
  <si>
    <t>246-0011</t>
    <phoneticPr fontId="1"/>
  </si>
  <si>
    <t>045-301-6747</t>
    <phoneticPr fontId="1"/>
  </si>
  <si>
    <t>(045)304-2955</t>
    <phoneticPr fontId="1"/>
  </si>
  <si>
    <t>全日</t>
    <rPh sb="0" eb="2">
      <t>ゼンニチ</t>
    </rPh>
    <phoneticPr fontId="1"/>
  </si>
  <si>
    <t>普通</t>
    <rPh sb="0" eb="2">
      <t>フツウ</t>
    </rPh>
    <phoneticPr fontId="1"/>
  </si>
  <si>
    <t>神奈川県立相模原城山高等学校</t>
    <phoneticPr fontId="1"/>
  </si>
  <si>
    <t>さがみはらしろやま</t>
    <phoneticPr fontId="1"/>
  </si>
  <si>
    <t>252-0116</t>
    <phoneticPr fontId="1"/>
  </si>
  <si>
    <t>相模原市緑区城山1-26-1</t>
    <phoneticPr fontId="1"/>
  </si>
  <si>
    <t>(042)782-6565</t>
    <phoneticPr fontId="1"/>
  </si>
  <si>
    <t>(042)782-1834</t>
    <phoneticPr fontId="1"/>
  </si>
  <si>
    <t>（全日単位）普通
（全日）普通</t>
    <rPh sb="1" eb="3">
      <t>ゼンニチ</t>
    </rPh>
    <rPh sb="3" eb="5">
      <t>タンイ</t>
    </rPh>
    <rPh sb="6" eb="8">
      <t>フツウ</t>
    </rPh>
    <rPh sb="10" eb="12">
      <t>ゼンニチ</t>
    </rPh>
    <rPh sb="13" eb="15">
      <t>フツウ</t>
    </rPh>
    <phoneticPr fontId="1"/>
  </si>
  <si>
    <t>神奈川県立逗子葉山高等学校</t>
    <phoneticPr fontId="1"/>
  </si>
  <si>
    <t>ずしはやま</t>
    <phoneticPr fontId="1"/>
  </si>
  <si>
    <t>249-0005</t>
    <phoneticPr fontId="1"/>
  </si>
  <si>
    <t>逗子市桜山5-24-1</t>
    <phoneticPr fontId="1"/>
  </si>
  <si>
    <t>(046)873-7322</t>
    <phoneticPr fontId="1"/>
  </si>
  <si>
    <t>(046)873-9045</t>
    <phoneticPr fontId="1"/>
  </si>
  <si>
    <t>横浜市中区本牧緑ケ丘37</t>
    <phoneticPr fontId="1"/>
  </si>
  <si>
    <t>全日単位・
全日</t>
    <rPh sb="0" eb="2">
      <t>ゼンニチ</t>
    </rPh>
    <rPh sb="2" eb="4">
      <t>タンイ</t>
    </rPh>
    <rPh sb="6" eb="8">
      <t>ゼンニチ</t>
    </rPh>
    <phoneticPr fontId="1"/>
  </si>
  <si>
    <t>（全日）普通
（定時単位）普通</t>
    <rPh sb="1" eb="3">
      <t>ゼンニチ</t>
    </rPh>
    <rPh sb="4" eb="6">
      <t>フツウ</t>
    </rPh>
    <rPh sb="8" eb="10">
      <t>テイジ</t>
    </rPh>
    <rPh sb="10" eb="12">
      <t>タンイ</t>
    </rPh>
    <rPh sb="13" eb="15">
      <t>フツウ</t>
    </rPh>
    <phoneticPr fontId="1"/>
  </si>
  <si>
    <r>
      <t xml:space="preserve">全日・
</t>
    </r>
    <r>
      <rPr>
        <sz val="11"/>
        <rFont val="ＭＳ Ｐゴシック"/>
        <family val="3"/>
        <charset val="128"/>
      </rPr>
      <t>定時単位</t>
    </r>
    <rPh sb="0" eb="1">
      <t>ゼン</t>
    </rPh>
    <rPh sb="1" eb="2">
      <t>ニチ</t>
    </rPh>
    <rPh sb="4" eb="6">
      <t>テイジ</t>
    </rPh>
    <rPh sb="6" eb="8">
      <t>タンイ</t>
    </rPh>
    <phoneticPr fontId="1"/>
  </si>
  <si>
    <t>横浜市旭区下川井町2247</t>
    <phoneticPr fontId="1"/>
  </si>
  <si>
    <t>神奈川県立厚木王子高等学校</t>
  </si>
  <si>
    <t>あつぎおうじ</t>
  </si>
  <si>
    <t>243-0817</t>
    <phoneticPr fontId="1"/>
  </si>
  <si>
    <t>046-221-3158</t>
  </si>
  <si>
    <t>普通・総合ビジネス</t>
    <phoneticPr fontId="1"/>
  </si>
  <si>
    <t>（本校134校）</t>
    <rPh sb="1" eb="2">
      <t>ホン</t>
    </rPh>
    <rPh sb="2" eb="3">
      <t>コウ</t>
    </rPh>
    <rPh sb="6" eb="7">
      <t>コウ</t>
    </rPh>
    <phoneticPr fontId="1"/>
  </si>
  <si>
    <t>厚木市王子1-1-1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(045)824-2165</t>
    <phoneticPr fontId="1"/>
  </si>
  <si>
    <t>船舶運航・水産食品・無線技術・生物環境</t>
    <rPh sb="0" eb="2">
      <t>センパ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9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49" fontId="0" fillId="0" borderId="9" xfId="0" applyNumberFormat="1" applyFont="1" applyFill="1" applyBorder="1" applyAlignment="1">
      <alignment horizontal="left" vertical="center" wrapText="1"/>
    </xf>
    <xf numFmtId="0" fontId="0" fillId="0" borderId="1" xfId="0" applyNumberFormat="1" applyFont="1" applyFill="1" applyBorder="1" applyAlignment="1">
      <alignment horizontal="left" vertical="center" wrapText="1"/>
    </xf>
    <xf numFmtId="49" fontId="0" fillId="0" borderId="10" xfId="0" applyNumberFormat="1" applyFont="1" applyFill="1" applyBorder="1" applyAlignment="1">
      <alignment horizontal="center" vertical="center" wrapText="1"/>
    </xf>
    <xf numFmtId="49" fontId="0" fillId="0" borderId="1" xfId="0" applyNumberFormat="1" applyFont="1" applyFill="1" applyBorder="1" applyAlignment="1">
      <alignment horizontal="left" vertical="center" wrapText="1"/>
    </xf>
    <xf numFmtId="49" fontId="0" fillId="0" borderId="1" xfId="0" applyNumberFormat="1" applyFont="1" applyFill="1" applyBorder="1" applyAlignment="1">
      <alignment horizontal="center" vertical="center" wrapText="1"/>
    </xf>
    <xf numFmtId="0" fontId="0" fillId="0" borderId="11" xfId="0" applyFont="1" applyFill="1" applyBorder="1" applyAlignment="1">
      <alignment horizontal="left" vertical="center"/>
    </xf>
    <xf numFmtId="0" fontId="0" fillId="0" borderId="11" xfId="0" applyFont="1" applyFill="1" applyBorder="1" applyAlignment="1">
      <alignment horizontal="left" vertical="center" wrapText="1"/>
    </xf>
    <xf numFmtId="0" fontId="0" fillId="0" borderId="12" xfId="0" applyFont="1" applyFill="1" applyBorder="1" applyAlignment="1">
      <alignment horizontal="left" vertical="center" wrapText="1"/>
    </xf>
    <xf numFmtId="49" fontId="0" fillId="0" borderId="11" xfId="0" applyNumberFormat="1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Alignment="1">
      <alignment horizontal="center"/>
    </xf>
    <xf numFmtId="0" fontId="4" fillId="2" borderId="3" xfId="0" applyFont="1" applyFill="1" applyBorder="1" applyAlignment="1">
      <alignment horizontal="center" vertical="center"/>
    </xf>
    <xf numFmtId="0" fontId="4" fillId="2" borderId="4" xfId="0" applyFont="1" applyFill="1" applyBorder="1" applyAlignment="1">
      <alignment horizontal="center" vertical="center"/>
    </xf>
    <xf numFmtId="0" fontId="4" fillId="2" borderId="5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top"/>
    </xf>
    <xf numFmtId="0" fontId="0" fillId="2" borderId="2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/>
    </xf>
    <xf numFmtId="49" fontId="0" fillId="0" borderId="0" xfId="0" applyNumberFormat="1" applyFont="1" applyFill="1" applyBorder="1" applyAlignment="1">
      <alignment horizontal="left" vertical="center" wrapText="1"/>
    </xf>
    <xf numFmtId="0" fontId="0" fillId="0" borderId="7" xfId="0" applyNumberFormat="1" applyFont="1" applyFill="1" applyBorder="1" applyAlignment="1">
      <alignment horizontal="left" vertical="center" wrapText="1"/>
    </xf>
    <xf numFmtId="49" fontId="0" fillId="0" borderId="0" xfId="0" applyNumberFormat="1" applyFont="1" applyFill="1" applyBorder="1" applyAlignment="1">
      <alignment horizontal="center" vertical="center" wrapText="1"/>
    </xf>
    <xf numFmtId="49" fontId="0" fillId="0" borderId="7" xfId="0" applyNumberFormat="1" applyFont="1" applyFill="1" applyBorder="1" applyAlignment="1">
      <alignment horizontal="left" vertical="center" wrapText="1"/>
    </xf>
    <xf numFmtId="0" fontId="0" fillId="0" borderId="7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left" vertical="center"/>
    </xf>
    <xf numFmtId="0" fontId="0" fillId="0" borderId="8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left" vertical="center"/>
    </xf>
    <xf numFmtId="0" fontId="0" fillId="0" borderId="1" xfId="0" applyFont="1" applyFill="1" applyBorder="1" applyAlignment="1">
      <alignment horizontal="left" vertical="center" wrapText="1"/>
    </xf>
    <xf numFmtId="49" fontId="0" fillId="0" borderId="10" xfId="0" applyNumberFormat="1" applyFont="1" applyFill="1" applyBorder="1" applyAlignment="1">
      <alignment vertical="center" wrapText="1"/>
    </xf>
    <xf numFmtId="49" fontId="0" fillId="0" borderId="14" xfId="0" applyNumberFormat="1" applyFont="1" applyFill="1" applyBorder="1" applyAlignment="1">
      <alignment horizontal="left" vertical="center" wrapText="1"/>
    </xf>
    <xf numFmtId="0" fontId="0" fillId="0" borderId="15" xfId="0" applyNumberFormat="1" applyFont="1" applyFill="1" applyBorder="1" applyAlignment="1">
      <alignment horizontal="left" vertical="center" wrapText="1"/>
    </xf>
    <xf numFmtId="49" fontId="0" fillId="0" borderId="16" xfId="0" applyNumberFormat="1" applyFont="1" applyFill="1" applyBorder="1" applyAlignment="1">
      <alignment horizontal="center" vertical="center" wrapText="1"/>
    </xf>
    <xf numFmtId="49" fontId="0" fillId="0" borderId="15" xfId="0" applyNumberFormat="1" applyFont="1" applyFill="1" applyBorder="1" applyAlignment="1">
      <alignment horizontal="left" vertical="center" wrapText="1"/>
    </xf>
    <xf numFmtId="49" fontId="0" fillId="0" borderId="15" xfId="0" applyNumberFormat="1" applyFont="1" applyFill="1" applyBorder="1" applyAlignment="1">
      <alignment horizontal="center" vertical="center" wrapText="1"/>
    </xf>
    <xf numFmtId="0" fontId="0" fillId="0" borderId="17" xfId="0" applyFont="1" applyFill="1" applyBorder="1" applyAlignment="1">
      <alignment horizontal="left" vertical="center"/>
    </xf>
    <xf numFmtId="0" fontId="0" fillId="0" borderId="13" xfId="0" applyFont="1" applyFill="1" applyBorder="1" applyAlignment="1">
      <alignment horizontal="center"/>
    </xf>
    <xf numFmtId="49" fontId="0" fillId="0" borderId="18" xfId="0" applyNumberFormat="1" applyFont="1" applyFill="1" applyBorder="1" applyAlignment="1">
      <alignment horizontal="left" vertical="center" wrapText="1"/>
    </xf>
    <xf numFmtId="0" fontId="0" fillId="0" borderId="18" xfId="0" applyNumberFormat="1" applyFont="1" applyFill="1" applyBorder="1" applyAlignment="1">
      <alignment horizontal="left" vertical="center" wrapText="1"/>
    </xf>
    <xf numFmtId="49" fontId="0" fillId="0" borderId="18" xfId="0" applyNumberFormat="1" applyFont="1" applyFill="1" applyBorder="1" applyAlignment="1">
      <alignment horizontal="center" vertical="center" wrapText="1"/>
    </xf>
    <xf numFmtId="49" fontId="0" fillId="0" borderId="19" xfId="0" applyNumberFormat="1" applyFont="1" applyFill="1" applyBorder="1" applyAlignment="1">
      <alignment horizontal="left" vertical="center" wrapText="1"/>
    </xf>
    <xf numFmtId="0" fontId="0" fillId="2" borderId="4" xfId="0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0" xfId="0" applyFont="1" applyFill="1" applyAlignment="1">
      <alignment horizontal="right" vertical="center"/>
    </xf>
    <xf numFmtId="0" fontId="6" fillId="0" borderId="6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K138"/>
  <sheetViews>
    <sheetView showGridLines="0" tabSelected="1" zoomScaleNormal="100" workbookViewId="0">
      <pane xSplit="3" ySplit="4" topLeftCell="D5" activePane="bottomRight" state="frozen"/>
      <selection pane="topRight" activeCell="D1" sqref="D1"/>
      <selection pane="bottomLeft" activeCell="A5" sqref="A5"/>
      <selection pane="bottomRight" activeCell="N15" sqref="N15"/>
    </sheetView>
  </sheetViews>
  <sheetFormatPr defaultRowHeight="13" x14ac:dyDescent="0.2"/>
  <cols>
    <col min="1" max="1" width="1.1796875" style="2" customWidth="1"/>
    <col min="2" max="2" width="10.6328125" style="16" customWidth="1"/>
    <col min="3" max="3" width="38.453125" style="5" customWidth="1"/>
    <col min="4" max="4" width="23.1796875" style="5" customWidth="1"/>
    <col min="5" max="5" width="9" style="4"/>
    <col min="6" max="6" width="30.6328125" style="5" bestFit="1" customWidth="1"/>
    <col min="7" max="7" width="13.36328125" style="4" customWidth="1"/>
    <col min="8" max="8" width="15.1796875" style="4" bestFit="1" customWidth="1"/>
    <col min="9" max="9" width="10.1796875" style="5" bestFit="1" customWidth="1"/>
    <col min="10" max="10" width="30.1796875" style="5" bestFit="1" customWidth="1"/>
    <col min="11" max="11" width="9" style="2"/>
  </cols>
  <sheetData>
    <row r="2" spans="1:11" x14ac:dyDescent="0.2">
      <c r="B2" s="15" t="s">
        <v>40</v>
      </c>
      <c r="C2" s="4"/>
    </row>
    <row r="3" spans="1:11" ht="13.5" thickBot="1" x14ac:dyDescent="0.25">
      <c r="J3" s="47" t="s">
        <v>855</v>
      </c>
    </row>
    <row r="4" spans="1:11" s="1" customFormat="1" ht="34.5" customHeight="1" thickBot="1" x14ac:dyDescent="0.25">
      <c r="A4" s="3"/>
      <c r="B4" s="21" t="s">
        <v>765</v>
      </c>
      <c r="C4" s="17" t="s">
        <v>41</v>
      </c>
      <c r="D4" s="18" t="s">
        <v>323</v>
      </c>
      <c r="E4" s="17" t="s">
        <v>42</v>
      </c>
      <c r="F4" s="18" t="s">
        <v>43</v>
      </c>
      <c r="G4" s="17" t="s">
        <v>44</v>
      </c>
      <c r="H4" s="45" t="s">
        <v>771</v>
      </c>
      <c r="I4" s="18" t="s">
        <v>45</v>
      </c>
      <c r="J4" s="19" t="s">
        <v>46</v>
      </c>
      <c r="K4" s="3"/>
    </row>
    <row r="5" spans="1:11" s="46" customFormat="1" ht="13.5" customHeight="1" x14ac:dyDescent="0.2">
      <c r="B5" s="22" t="s">
        <v>766</v>
      </c>
      <c r="C5" s="23" t="s">
        <v>751</v>
      </c>
      <c r="D5" s="24" t="s">
        <v>324</v>
      </c>
      <c r="E5" s="25" t="s">
        <v>47</v>
      </c>
      <c r="F5" s="26" t="s">
        <v>48</v>
      </c>
      <c r="G5" s="25" t="s">
        <v>485</v>
      </c>
      <c r="H5" s="27" t="s">
        <v>486</v>
      </c>
      <c r="I5" s="28" t="s">
        <v>49</v>
      </c>
      <c r="J5" s="29" t="s">
        <v>50</v>
      </c>
    </row>
    <row r="6" spans="1:11" s="46" customFormat="1" ht="14.25" customHeight="1" x14ac:dyDescent="0.2">
      <c r="B6" s="48" t="s">
        <v>853</v>
      </c>
      <c r="C6" s="6" t="s">
        <v>51</v>
      </c>
      <c r="D6" s="7" t="s">
        <v>325</v>
      </c>
      <c r="E6" s="8" t="s">
        <v>278</v>
      </c>
      <c r="F6" s="9" t="s">
        <v>326</v>
      </c>
      <c r="G6" s="8" t="s">
        <v>487</v>
      </c>
      <c r="H6" s="30" t="s">
        <v>488</v>
      </c>
      <c r="I6" s="31" t="s">
        <v>52</v>
      </c>
      <c r="J6" s="11" t="s">
        <v>53</v>
      </c>
    </row>
    <row r="7" spans="1:11" s="46" customFormat="1" ht="26" x14ac:dyDescent="0.2">
      <c r="B7" s="20"/>
      <c r="C7" s="6" t="s">
        <v>54</v>
      </c>
      <c r="D7" s="7" t="s">
        <v>327</v>
      </c>
      <c r="E7" s="8" t="s">
        <v>55</v>
      </c>
      <c r="F7" s="9" t="s">
        <v>56</v>
      </c>
      <c r="G7" s="8" t="s">
        <v>489</v>
      </c>
      <c r="H7" s="30" t="s">
        <v>490</v>
      </c>
      <c r="I7" s="32" t="s">
        <v>314</v>
      </c>
      <c r="J7" s="12" t="s">
        <v>313</v>
      </c>
    </row>
    <row r="8" spans="1:11" s="46" customFormat="1" x14ac:dyDescent="0.2">
      <c r="B8" s="22"/>
      <c r="C8" s="6" t="s">
        <v>328</v>
      </c>
      <c r="D8" s="7" t="s">
        <v>329</v>
      </c>
      <c r="E8" s="8" t="s">
        <v>55</v>
      </c>
      <c r="F8" s="9" t="s">
        <v>57</v>
      </c>
      <c r="G8" s="8" t="s">
        <v>491</v>
      </c>
      <c r="H8" s="10" t="s">
        <v>492</v>
      </c>
      <c r="I8" s="9" t="s">
        <v>52</v>
      </c>
      <c r="J8" s="11" t="s">
        <v>817</v>
      </c>
    </row>
    <row r="9" spans="1:11" s="46" customFormat="1" x14ac:dyDescent="0.2">
      <c r="B9" s="22"/>
      <c r="C9" s="6" t="s">
        <v>58</v>
      </c>
      <c r="D9" s="7" t="s">
        <v>330</v>
      </c>
      <c r="E9" s="8" t="s">
        <v>59</v>
      </c>
      <c r="F9" s="9" t="s">
        <v>60</v>
      </c>
      <c r="G9" s="8" t="s">
        <v>493</v>
      </c>
      <c r="H9" s="10" t="s">
        <v>494</v>
      </c>
      <c r="I9" s="9" t="s">
        <v>314</v>
      </c>
      <c r="J9" s="11" t="s">
        <v>50</v>
      </c>
    </row>
    <row r="10" spans="1:11" s="46" customFormat="1" x14ac:dyDescent="0.2">
      <c r="B10" s="22"/>
      <c r="C10" s="6" t="s">
        <v>331</v>
      </c>
      <c r="D10" s="7" t="s">
        <v>332</v>
      </c>
      <c r="E10" s="8" t="s">
        <v>61</v>
      </c>
      <c r="F10" s="9" t="s">
        <v>62</v>
      </c>
      <c r="G10" s="8" t="s">
        <v>495</v>
      </c>
      <c r="H10" s="10" t="s">
        <v>496</v>
      </c>
      <c r="I10" s="9" t="s">
        <v>49</v>
      </c>
      <c r="J10" s="11" t="s">
        <v>50</v>
      </c>
    </row>
    <row r="11" spans="1:11" s="46" customFormat="1" x14ac:dyDescent="0.2">
      <c r="B11" s="22"/>
      <c r="C11" s="6" t="s">
        <v>333</v>
      </c>
      <c r="D11" s="7" t="s">
        <v>334</v>
      </c>
      <c r="E11" s="8" t="s">
        <v>63</v>
      </c>
      <c r="F11" s="9" t="s">
        <v>64</v>
      </c>
      <c r="G11" s="8" t="s">
        <v>497</v>
      </c>
      <c r="H11" s="10" t="s">
        <v>498</v>
      </c>
      <c r="I11" s="9" t="s">
        <v>49</v>
      </c>
      <c r="J11" s="11" t="s">
        <v>50</v>
      </c>
    </row>
    <row r="12" spans="1:11" s="46" customFormat="1" ht="14.25" customHeight="1" x14ac:dyDescent="0.2">
      <c r="B12" s="22"/>
      <c r="C12" s="6" t="s">
        <v>335</v>
      </c>
      <c r="D12" s="7" t="s">
        <v>336</v>
      </c>
      <c r="E12" s="8" t="s">
        <v>65</v>
      </c>
      <c r="F12" s="9" t="s">
        <v>843</v>
      </c>
      <c r="G12" s="8" t="s">
        <v>499</v>
      </c>
      <c r="H12" s="10" t="s">
        <v>500</v>
      </c>
      <c r="I12" s="9" t="s">
        <v>49</v>
      </c>
      <c r="J12" s="11" t="s">
        <v>50</v>
      </c>
    </row>
    <row r="13" spans="1:11" s="46" customFormat="1" ht="14.25" customHeight="1" x14ac:dyDescent="0.2">
      <c r="B13" s="22"/>
      <c r="C13" s="6" t="s">
        <v>337</v>
      </c>
      <c r="D13" s="7" t="s">
        <v>338</v>
      </c>
      <c r="E13" s="8" t="s">
        <v>739</v>
      </c>
      <c r="F13" s="9" t="s">
        <v>740</v>
      </c>
      <c r="G13" s="8" t="s">
        <v>741</v>
      </c>
      <c r="H13" s="10" t="s">
        <v>794</v>
      </c>
      <c r="I13" s="9" t="s">
        <v>49</v>
      </c>
      <c r="J13" s="11" t="s">
        <v>50</v>
      </c>
    </row>
    <row r="14" spans="1:11" s="46" customFormat="1" ht="14.25" customHeight="1" x14ac:dyDescent="0.2">
      <c r="B14" s="22"/>
      <c r="C14" s="6" t="s">
        <v>752</v>
      </c>
      <c r="D14" s="7" t="s">
        <v>753</v>
      </c>
      <c r="E14" s="8" t="s">
        <v>339</v>
      </c>
      <c r="F14" s="9" t="s">
        <v>340</v>
      </c>
      <c r="G14" s="8" t="s">
        <v>501</v>
      </c>
      <c r="H14" s="10" t="s">
        <v>502</v>
      </c>
      <c r="I14" s="9" t="s">
        <v>52</v>
      </c>
      <c r="J14" s="11" t="s">
        <v>50</v>
      </c>
    </row>
    <row r="15" spans="1:11" s="46" customFormat="1" x14ac:dyDescent="0.2">
      <c r="B15" s="22"/>
      <c r="C15" s="6" t="s">
        <v>66</v>
      </c>
      <c r="D15" s="7" t="s">
        <v>341</v>
      </c>
      <c r="E15" s="8" t="s">
        <v>342</v>
      </c>
      <c r="F15" s="9" t="s">
        <v>772</v>
      </c>
      <c r="G15" s="8" t="s">
        <v>503</v>
      </c>
      <c r="H15" s="10" t="s">
        <v>504</v>
      </c>
      <c r="I15" s="9" t="s">
        <v>52</v>
      </c>
      <c r="J15" s="11" t="s">
        <v>769</v>
      </c>
    </row>
    <row r="16" spans="1:11" s="46" customFormat="1" x14ac:dyDescent="0.2">
      <c r="B16" s="22"/>
      <c r="C16" s="6" t="s">
        <v>67</v>
      </c>
      <c r="D16" s="7" t="s">
        <v>343</v>
      </c>
      <c r="E16" s="8" t="s">
        <v>344</v>
      </c>
      <c r="F16" s="9" t="s">
        <v>68</v>
      </c>
      <c r="G16" s="8" t="s">
        <v>505</v>
      </c>
      <c r="H16" s="10" t="s">
        <v>506</v>
      </c>
      <c r="I16" s="9" t="s">
        <v>49</v>
      </c>
      <c r="J16" s="11" t="s">
        <v>50</v>
      </c>
    </row>
    <row r="17" spans="2:10" s="46" customFormat="1" x14ac:dyDescent="0.2">
      <c r="B17" s="22"/>
      <c r="C17" s="6" t="s">
        <v>742</v>
      </c>
      <c r="D17" s="7" t="s">
        <v>743</v>
      </c>
      <c r="E17" s="8" t="s">
        <v>737</v>
      </c>
      <c r="F17" s="9" t="s">
        <v>738</v>
      </c>
      <c r="G17" s="8" t="s">
        <v>744</v>
      </c>
      <c r="H17" s="10" t="s">
        <v>745</v>
      </c>
      <c r="I17" s="9" t="s">
        <v>253</v>
      </c>
      <c r="J17" s="11" t="s">
        <v>50</v>
      </c>
    </row>
    <row r="18" spans="2:10" s="46" customFormat="1" x14ac:dyDescent="0.2">
      <c r="B18" s="22"/>
      <c r="C18" s="6" t="s">
        <v>345</v>
      </c>
      <c r="D18" s="7" t="s">
        <v>279</v>
      </c>
      <c r="E18" s="8" t="s">
        <v>69</v>
      </c>
      <c r="F18" s="9" t="s">
        <v>70</v>
      </c>
      <c r="G18" s="8" t="s">
        <v>856</v>
      </c>
      <c r="H18" s="10" t="s">
        <v>507</v>
      </c>
      <c r="I18" s="9" t="s">
        <v>49</v>
      </c>
      <c r="J18" s="11" t="s">
        <v>50</v>
      </c>
    </row>
    <row r="19" spans="2:10" s="46" customFormat="1" x14ac:dyDescent="0.2">
      <c r="B19" s="22"/>
      <c r="C19" s="6" t="s">
        <v>346</v>
      </c>
      <c r="D19" s="7" t="s">
        <v>347</v>
      </c>
      <c r="E19" s="8" t="s">
        <v>71</v>
      </c>
      <c r="F19" s="9" t="s">
        <v>773</v>
      </c>
      <c r="G19" s="8" t="s">
        <v>508</v>
      </c>
      <c r="H19" s="10" t="s">
        <v>509</v>
      </c>
      <c r="I19" s="9" t="s">
        <v>49</v>
      </c>
      <c r="J19" s="14" t="s">
        <v>50</v>
      </c>
    </row>
    <row r="20" spans="2:10" s="46" customFormat="1" x14ac:dyDescent="0.2">
      <c r="B20" s="22"/>
      <c r="C20" s="6" t="s">
        <v>348</v>
      </c>
      <c r="D20" s="7" t="s">
        <v>349</v>
      </c>
      <c r="E20" s="8" t="s">
        <v>72</v>
      </c>
      <c r="F20" s="9" t="s">
        <v>774</v>
      </c>
      <c r="G20" s="8" t="s">
        <v>510</v>
      </c>
      <c r="H20" s="10" t="s">
        <v>511</v>
      </c>
      <c r="I20" s="9" t="s">
        <v>49</v>
      </c>
      <c r="J20" s="12" t="s">
        <v>746</v>
      </c>
    </row>
    <row r="21" spans="2:10" s="46" customFormat="1" x14ac:dyDescent="0.2">
      <c r="B21" s="22"/>
      <c r="C21" s="6" t="s">
        <v>350</v>
      </c>
      <c r="D21" s="7" t="s">
        <v>73</v>
      </c>
      <c r="E21" s="8" t="s">
        <v>74</v>
      </c>
      <c r="F21" s="9" t="s">
        <v>775</v>
      </c>
      <c r="G21" s="8" t="s">
        <v>512</v>
      </c>
      <c r="H21" s="10" t="s">
        <v>513</v>
      </c>
      <c r="I21" s="9" t="s">
        <v>49</v>
      </c>
      <c r="J21" s="11" t="s">
        <v>50</v>
      </c>
    </row>
    <row r="22" spans="2:10" s="46" customFormat="1" x14ac:dyDescent="0.2">
      <c r="B22" s="22"/>
      <c r="C22" s="6" t="s">
        <v>351</v>
      </c>
      <c r="D22" s="7" t="s">
        <v>352</v>
      </c>
      <c r="E22" s="8" t="s">
        <v>75</v>
      </c>
      <c r="F22" s="9" t="s">
        <v>76</v>
      </c>
      <c r="G22" s="8" t="s">
        <v>514</v>
      </c>
      <c r="H22" s="10" t="s">
        <v>515</v>
      </c>
      <c r="I22" s="9" t="s">
        <v>314</v>
      </c>
      <c r="J22" s="11" t="s">
        <v>50</v>
      </c>
    </row>
    <row r="23" spans="2:10" s="46" customFormat="1" ht="14.25" customHeight="1" x14ac:dyDescent="0.2">
      <c r="B23" s="22"/>
      <c r="C23" s="6" t="s">
        <v>77</v>
      </c>
      <c r="D23" s="7" t="s">
        <v>353</v>
      </c>
      <c r="E23" s="8" t="s">
        <v>78</v>
      </c>
      <c r="F23" s="9" t="s">
        <v>79</v>
      </c>
      <c r="G23" s="8" t="s">
        <v>516</v>
      </c>
      <c r="H23" s="10" t="s">
        <v>517</v>
      </c>
      <c r="I23" s="9" t="s">
        <v>49</v>
      </c>
      <c r="J23" s="11" t="s">
        <v>80</v>
      </c>
    </row>
    <row r="24" spans="2:10" s="46" customFormat="1" x14ac:dyDescent="0.2">
      <c r="B24" s="22"/>
      <c r="C24" s="6" t="s">
        <v>354</v>
      </c>
      <c r="D24" s="7" t="s">
        <v>280</v>
      </c>
      <c r="E24" s="8" t="s">
        <v>81</v>
      </c>
      <c r="F24" s="9" t="s">
        <v>847</v>
      </c>
      <c r="G24" s="8" t="s">
        <v>518</v>
      </c>
      <c r="H24" s="10" t="s">
        <v>519</v>
      </c>
      <c r="I24" s="9" t="s">
        <v>49</v>
      </c>
      <c r="J24" s="11" t="s">
        <v>50</v>
      </c>
    </row>
    <row r="25" spans="2:10" s="46" customFormat="1" x14ac:dyDescent="0.2">
      <c r="B25" s="22"/>
      <c r="C25" s="6" t="s">
        <v>355</v>
      </c>
      <c r="D25" s="7" t="s">
        <v>356</v>
      </c>
      <c r="E25" s="8" t="s">
        <v>357</v>
      </c>
      <c r="F25" s="9" t="s">
        <v>358</v>
      </c>
      <c r="G25" s="8" t="s">
        <v>520</v>
      </c>
      <c r="H25" s="10" t="s">
        <v>521</v>
      </c>
      <c r="I25" s="9" t="s">
        <v>52</v>
      </c>
      <c r="J25" s="11" t="s">
        <v>50</v>
      </c>
    </row>
    <row r="26" spans="2:10" s="46" customFormat="1" ht="26" x14ac:dyDescent="0.2">
      <c r="B26" s="22"/>
      <c r="C26" s="6" t="s">
        <v>359</v>
      </c>
      <c r="D26" s="7" t="s">
        <v>360</v>
      </c>
      <c r="E26" s="8" t="s">
        <v>82</v>
      </c>
      <c r="F26" s="9" t="s">
        <v>83</v>
      </c>
      <c r="G26" s="8" t="s">
        <v>522</v>
      </c>
      <c r="H26" s="10" t="s">
        <v>523</v>
      </c>
      <c r="I26" s="9" t="s">
        <v>316</v>
      </c>
      <c r="J26" s="14" t="s">
        <v>315</v>
      </c>
    </row>
    <row r="27" spans="2:10" s="46" customFormat="1" x14ac:dyDescent="0.2">
      <c r="B27" s="22"/>
      <c r="C27" s="6" t="s">
        <v>784</v>
      </c>
      <c r="D27" s="7" t="s">
        <v>785</v>
      </c>
      <c r="E27" s="8" t="s">
        <v>84</v>
      </c>
      <c r="F27" s="9" t="s">
        <v>85</v>
      </c>
      <c r="G27" s="8" t="s">
        <v>524</v>
      </c>
      <c r="H27" s="10" t="s">
        <v>525</v>
      </c>
      <c r="I27" s="9" t="s">
        <v>786</v>
      </c>
      <c r="J27" s="14" t="s">
        <v>787</v>
      </c>
    </row>
    <row r="28" spans="2:10" s="46" customFormat="1" x14ac:dyDescent="0.2">
      <c r="B28" s="22"/>
      <c r="C28" s="6" t="s">
        <v>361</v>
      </c>
      <c r="D28" s="7" t="s">
        <v>362</v>
      </c>
      <c r="E28" s="8" t="s">
        <v>363</v>
      </c>
      <c r="F28" s="9" t="s">
        <v>364</v>
      </c>
      <c r="G28" s="8" t="s">
        <v>526</v>
      </c>
      <c r="H28" s="10" t="s">
        <v>527</v>
      </c>
      <c r="I28" s="9" t="s">
        <v>52</v>
      </c>
      <c r="J28" s="11" t="s">
        <v>53</v>
      </c>
    </row>
    <row r="29" spans="2:10" s="46" customFormat="1" x14ac:dyDescent="0.2">
      <c r="B29" s="22"/>
      <c r="C29" s="6" t="s">
        <v>365</v>
      </c>
      <c r="D29" s="7" t="s">
        <v>281</v>
      </c>
      <c r="E29" s="8" t="s">
        <v>86</v>
      </c>
      <c r="F29" s="9" t="s">
        <v>87</v>
      </c>
      <c r="G29" s="8" t="s">
        <v>528</v>
      </c>
      <c r="H29" s="10" t="s">
        <v>529</v>
      </c>
      <c r="I29" s="9" t="s">
        <v>49</v>
      </c>
      <c r="J29" s="11" t="s">
        <v>50</v>
      </c>
    </row>
    <row r="30" spans="2:10" s="46" customFormat="1" x14ac:dyDescent="0.2">
      <c r="B30" s="22"/>
      <c r="C30" s="6" t="s">
        <v>366</v>
      </c>
      <c r="D30" s="7" t="s">
        <v>367</v>
      </c>
      <c r="E30" s="33" t="s">
        <v>796</v>
      </c>
      <c r="F30" s="9" t="s">
        <v>797</v>
      </c>
      <c r="G30" s="8" t="s">
        <v>530</v>
      </c>
      <c r="H30" s="10" t="s">
        <v>531</v>
      </c>
      <c r="I30" s="9" t="s">
        <v>49</v>
      </c>
      <c r="J30" s="11" t="s">
        <v>50</v>
      </c>
    </row>
    <row r="31" spans="2:10" s="46" customFormat="1" x14ac:dyDescent="0.2">
      <c r="B31" s="22"/>
      <c r="C31" s="6" t="s">
        <v>368</v>
      </c>
      <c r="D31" s="7" t="s">
        <v>282</v>
      </c>
      <c r="E31" s="8" t="s">
        <v>88</v>
      </c>
      <c r="F31" s="9" t="s">
        <v>89</v>
      </c>
      <c r="G31" s="8" t="s">
        <v>532</v>
      </c>
      <c r="H31" s="10" t="s">
        <v>533</v>
      </c>
      <c r="I31" s="9" t="s">
        <v>49</v>
      </c>
      <c r="J31" s="11" t="s">
        <v>50</v>
      </c>
    </row>
    <row r="32" spans="2:10" s="46" customFormat="1" x14ac:dyDescent="0.2">
      <c r="B32" s="22"/>
      <c r="C32" s="6" t="s">
        <v>369</v>
      </c>
      <c r="D32" s="7" t="s">
        <v>283</v>
      </c>
      <c r="E32" s="8" t="s">
        <v>90</v>
      </c>
      <c r="F32" s="9" t="s">
        <v>91</v>
      </c>
      <c r="G32" s="8" t="s">
        <v>534</v>
      </c>
      <c r="H32" s="10" t="s">
        <v>535</v>
      </c>
      <c r="I32" s="9" t="s">
        <v>49</v>
      </c>
      <c r="J32" s="11" t="s">
        <v>50</v>
      </c>
    </row>
    <row r="33" spans="2:10" s="46" customFormat="1" x14ac:dyDescent="0.2">
      <c r="B33" s="22"/>
      <c r="C33" s="6" t="s">
        <v>370</v>
      </c>
      <c r="D33" s="7" t="s">
        <v>284</v>
      </c>
      <c r="E33" s="8" t="s">
        <v>92</v>
      </c>
      <c r="F33" s="9" t="s">
        <v>93</v>
      </c>
      <c r="G33" s="8" t="s">
        <v>536</v>
      </c>
      <c r="H33" s="10" t="s">
        <v>537</v>
      </c>
      <c r="I33" s="9" t="s">
        <v>49</v>
      </c>
      <c r="J33" s="11" t="s">
        <v>50</v>
      </c>
    </row>
    <row r="34" spans="2:10" s="46" customFormat="1" x14ac:dyDescent="0.2">
      <c r="B34" s="22"/>
      <c r="C34" s="6" t="s">
        <v>371</v>
      </c>
      <c r="D34" s="7" t="s">
        <v>372</v>
      </c>
      <c r="E34" s="8" t="s">
        <v>94</v>
      </c>
      <c r="F34" s="9" t="s">
        <v>95</v>
      </c>
      <c r="G34" s="8" t="s">
        <v>538</v>
      </c>
      <c r="H34" s="10" t="s">
        <v>539</v>
      </c>
      <c r="I34" s="9" t="s">
        <v>49</v>
      </c>
      <c r="J34" s="11" t="s">
        <v>759</v>
      </c>
    </row>
    <row r="35" spans="2:10" s="46" customFormat="1" x14ac:dyDescent="0.2">
      <c r="B35" s="22"/>
      <c r="C35" s="6" t="s">
        <v>373</v>
      </c>
      <c r="D35" s="7" t="s">
        <v>285</v>
      </c>
      <c r="E35" s="8" t="s">
        <v>96</v>
      </c>
      <c r="F35" s="9" t="s">
        <v>776</v>
      </c>
      <c r="G35" s="8" t="s">
        <v>540</v>
      </c>
      <c r="H35" s="10" t="s">
        <v>541</v>
      </c>
      <c r="I35" s="9" t="s">
        <v>49</v>
      </c>
      <c r="J35" s="11" t="s">
        <v>50</v>
      </c>
    </row>
    <row r="36" spans="2:10" s="46" customFormat="1" x14ac:dyDescent="0.2">
      <c r="B36" s="22"/>
      <c r="C36" s="6" t="s">
        <v>374</v>
      </c>
      <c r="D36" s="7" t="s">
        <v>97</v>
      </c>
      <c r="E36" s="8" t="s">
        <v>98</v>
      </c>
      <c r="F36" s="9" t="s">
        <v>99</v>
      </c>
      <c r="G36" s="8" t="s">
        <v>542</v>
      </c>
      <c r="H36" s="10" t="s">
        <v>543</v>
      </c>
      <c r="I36" s="9" t="s">
        <v>49</v>
      </c>
      <c r="J36" s="11" t="s">
        <v>50</v>
      </c>
    </row>
    <row r="37" spans="2:10" s="46" customFormat="1" x14ac:dyDescent="0.2">
      <c r="B37" s="22"/>
      <c r="C37" s="6" t="s">
        <v>375</v>
      </c>
      <c r="D37" s="7" t="s">
        <v>376</v>
      </c>
      <c r="E37" s="8" t="s">
        <v>100</v>
      </c>
      <c r="F37" s="9" t="s">
        <v>101</v>
      </c>
      <c r="G37" s="8" t="s">
        <v>544</v>
      </c>
      <c r="H37" s="10" t="s">
        <v>545</v>
      </c>
      <c r="I37" s="9" t="s">
        <v>49</v>
      </c>
      <c r="J37" s="11" t="s">
        <v>50</v>
      </c>
    </row>
    <row r="38" spans="2:10" s="46" customFormat="1" x14ac:dyDescent="0.2">
      <c r="B38" s="22"/>
      <c r="C38" s="6" t="s">
        <v>377</v>
      </c>
      <c r="D38" s="7" t="s">
        <v>286</v>
      </c>
      <c r="E38" s="8" t="s">
        <v>102</v>
      </c>
      <c r="F38" s="9" t="s">
        <v>103</v>
      </c>
      <c r="G38" s="8" t="s">
        <v>546</v>
      </c>
      <c r="H38" s="10" t="s">
        <v>547</v>
      </c>
      <c r="I38" s="9" t="s">
        <v>49</v>
      </c>
      <c r="J38" s="11" t="s">
        <v>50</v>
      </c>
    </row>
    <row r="39" spans="2:10" s="46" customFormat="1" x14ac:dyDescent="0.2">
      <c r="B39" s="22"/>
      <c r="C39" s="6" t="s">
        <v>378</v>
      </c>
      <c r="D39" s="7" t="s">
        <v>287</v>
      </c>
      <c r="E39" s="8" t="s">
        <v>104</v>
      </c>
      <c r="F39" s="9" t="s">
        <v>105</v>
      </c>
      <c r="G39" s="8" t="s">
        <v>548</v>
      </c>
      <c r="H39" s="10" t="s">
        <v>549</v>
      </c>
      <c r="I39" s="9" t="s">
        <v>49</v>
      </c>
      <c r="J39" s="11" t="s">
        <v>50</v>
      </c>
    </row>
    <row r="40" spans="2:10" s="46" customFormat="1" x14ac:dyDescent="0.2">
      <c r="B40" s="22"/>
      <c r="C40" s="6" t="s">
        <v>379</v>
      </c>
      <c r="D40" s="7" t="s">
        <v>380</v>
      </c>
      <c r="E40" s="8" t="s">
        <v>106</v>
      </c>
      <c r="F40" s="9" t="s">
        <v>107</v>
      </c>
      <c r="G40" s="8" t="s">
        <v>550</v>
      </c>
      <c r="H40" s="10" t="s">
        <v>551</v>
      </c>
      <c r="I40" s="9" t="s">
        <v>49</v>
      </c>
      <c r="J40" s="11" t="s">
        <v>50</v>
      </c>
    </row>
    <row r="41" spans="2:10" s="46" customFormat="1" x14ac:dyDescent="0.2">
      <c r="B41" s="22"/>
      <c r="C41" s="6" t="s">
        <v>381</v>
      </c>
      <c r="D41" s="7" t="s">
        <v>382</v>
      </c>
      <c r="E41" s="8" t="s">
        <v>108</v>
      </c>
      <c r="F41" s="9" t="s">
        <v>109</v>
      </c>
      <c r="G41" s="8" t="s">
        <v>552</v>
      </c>
      <c r="H41" s="10" t="s">
        <v>553</v>
      </c>
      <c r="I41" s="9" t="s">
        <v>49</v>
      </c>
      <c r="J41" s="11" t="s">
        <v>50</v>
      </c>
    </row>
    <row r="42" spans="2:10" s="46" customFormat="1" x14ac:dyDescent="0.2">
      <c r="B42" s="22"/>
      <c r="C42" s="6" t="s">
        <v>110</v>
      </c>
      <c r="D42" s="7" t="s">
        <v>383</v>
      </c>
      <c r="E42" s="8" t="s">
        <v>384</v>
      </c>
      <c r="F42" s="9" t="s">
        <v>111</v>
      </c>
      <c r="G42" s="8" t="s">
        <v>554</v>
      </c>
      <c r="H42" s="10" t="s">
        <v>555</v>
      </c>
      <c r="I42" s="9" t="s">
        <v>52</v>
      </c>
      <c r="J42" s="11" t="s">
        <v>50</v>
      </c>
    </row>
    <row r="43" spans="2:10" s="46" customFormat="1" x14ac:dyDescent="0.2">
      <c r="B43" s="22"/>
      <c r="C43" s="6" t="s">
        <v>385</v>
      </c>
      <c r="D43" s="7" t="s">
        <v>288</v>
      </c>
      <c r="E43" s="8" t="s">
        <v>112</v>
      </c>
      <c r="F43" s="9" t="s">
        <v>113</v>
      </c>
      <c r="G43" s="8" t="s">
        <v>556</v>
      </c>
      <c r="H43" s="10" t="s">
        <v>557</v>
      </c>
      <c r="I43" s="9" t="s">
        <v>49</v>
      </c>
      <c r="J43" s="11" t="s">
        <v>759</v>
      </c>
    </row>
    <row r="44" spans="2:10" s="46" customFormat="1" x14ac:dyDescent="0.2">
      <c r="B44" s="22"/>
      <c r="C44" s="6" t="s">
        <v>386</v>
      </c>
      <c r="D44" s="7" t="s">
        <v>387</v>
      </c>
      <c r="E44" s="8" t="s">
        <v>114</v>
      </c>
      <c r="F44" s="9" t="s">
        <v>115</v>
      </c>
      <c r="G44" s="8" t="s">
        <v>558</v>
      </c>
      <c r="H44" s="10" t="s">
        <v>559</v>
      </c>
      <c r="I44" s="9" t="s">
        <v>49</v>
      </c>
      <c r="J44" s="11" t="s">
        <v>50</v>
      </c>
    </row>
    <row r="45" spans="2:10" s="46" customFormat="1" x14ac:dyDescent="0.2">
      <c r="B45" s="22"/>
      <c r="C45" s="6" t="s">
        <v>388</v>
      </c>
      <c r="D45" s="7" t="s">
        <v>289</v>
      </c>
      <c r="E45" s="8" t="s">
        <v>116</v>
      </c>
      <c r="F45" s="9" t="s">
        <v>117</v>
      </c>
      <c r="G45" s="8" t="s">
        <v>560</v>
      </c>
      <c r="H45" s="10" t="s">
        <v>561</v>
      </c>
      <c r="I45" s="9" t="s">
        <v>49</v>
      </c>
      <c r="J45" s="11" t="s">
        <v>50</v>
      </c>
    </row>
    <row r="46" spans="2:10" s="46" customFormat="1" x14ac:dyDescent="0.2">
      <c r="B46" s="22"/>
      <c r="C46" s="6" t="s">
        <v>118</v>
      </c>
      <c r="D46" s="7" t="s">
        <v>389</v>
      </c>
      <c r="E46" s="8" t="s">
        <v>119</v>
      </c>
      <c r="F46" s="9" t="s">
        <v>120</v>
      </c>
      <c r="G46" s="8" t="s">
        <v>562</v>
      </c>
      <c r="H46" s="10" t="s">
        <v>563</v>
      </c>
      <c r="I46" s="9" t="s">
        <v>52</v>
      </c>
      <c r="J46" s="14" t="s">
        <v>50</v>
      </c>
    </row>
    <row r="47" spans="2:10" s="46" customFormat="1" x14ac:dyDescent="0.2">
      <c r="B47" s="22"/>
      <c r="C47" s="6" t="s">
        <v>390</v>
      </c>
      <c r="D47" s="7" t="s">
        <v>391</v>
      </c>
      <c r="E47" s="8" t="s">
        <v>121</v>
      </c>
      <c r="F47" s="9" t="s">
        <v>122</v>
      </c>
      <c r="G47" s="8" t="s">
        <v>564</v>
      </c>
      <c r="H47" s="10" t="s">
        <v>565</v>
      </c>
      <c r="I47" s="9" t="s">
        <v>49</v>
      </c>
      <c r="J47" s="11" t="s">
        <v>50</v>
      </c>
    </row>
    <row r="48" spans="2:10" s="46" customFormat="1" x14ac:dyDescent="0.2">
      <c r="B48" s="22"/>
      <c r="C48" s="6" t="s">
        <v>754</v>
      </c>
      <c r="D48" s="7" t="s">
        <v>755</v>
      </c>
      <c r="E48" s="8" t="s">
        <v>123</v>
      </c>
      <c r="F48" s="9" t="s">
        <v>124</v>
      </c>
      <c r="G48" s="8" t="s">
        <v>566</v>
      </c>
      <c r="H48" s="10" t="s">
        <v>567</v>
      </c>
      <c r="I48" s="9" t="s">
        <v>52</v>
      </c>
      <c r="J48" s="11" t="s">
        <v>50</v>
      </c>
    </row>
    <row r="49" spans="2:10" s="46" customFormat="1" x14ac:dyDescent="0.2">
      <c r="B49" s="22"/>
      <c r="C49" s="6" t="s">
        <v>125</v>
      </c>
      <c r="D49" s="7" t="s">
        <v>392</v>
      </c>
      <c r="E49" s="8" t="s">
        <v>798</v>
      </c>
      <c r="F49" s="9" t="s">
        <v>126</v>
      </c>
      <c r="G49" s="8" t="s">
        <v>568</v>
      </c>
      <c r="H49" s="10" t="s">
        <v>569</v>
      </c>
      <c r="I49" s="9" t="s">
        <v>127</v>
      </c>
      <c r="J49" s="11" t="s">
        <v>50</v>
      </c>
    </row>
    <row r="50" spans="2:10" s="46" customFormat="1" x14ac:dyDescent="0.2">
      <c r="B50" s="22"/>
      <c r="C50" s="6" t="s">
        <v>822</v>
      </c>
      <c r="D50" s="7" t="s">
        <v>824</v>
      </c>
      <c r="E50" s="8" t="s">
        <v>825</v>
      </c>
      <c r="F50" s="9" t="s">
        <v>823</v>
      </c>
      <c r="G50" s="8" t="s">
        <v>826</v>
      </c>
      <c r="H50" s="10" t="s">
        <v>827</v>
      </c>
      <c r="I50" s="9" t="s">
        <v>828</v>
      </c>
      <c r="J50" s="11" t="s">
        <v>829</v>
      </c>
    </row>
    <row r="51" spans="2:10" s="46" customFormat="1" ht="26" x14ac:dyDescent="0.2">
      <c r="B51" s="22"/>
      <c r="C51" s="6" t="s">
        <v>393</v>
      </c>
      <c r="D51" s="7" t="s">
        <v>394</v>
      </c>
      <c r="E51" s="8" t="s">
        <v>128</v>
      </c>
      <c r="F51" s="9" t="s">
        <v>129</v>
      </c>
      <c r="G51" s="8" t="s">
        <v>570</v>
      </c>
      <c r="H51" s="10" t="s">
        <v>571</v>
      </c>
      <c r="I51" s="9" t="s">
        <v>320</v>
      </c>
      <c r="J51" s="11" t="s">
        <v>50</v>
      </c>
    </row>
    <row r="52" spans="2:10" s="46" customFormat="1" x14ac:dyDescent="0.2">
      <c r="B52" s="22"/>
      <c r="C52" s="6" t="s">
        <v>395</v>
      </c>
      <c r="D52" s="7" t="s">
        <v>290</v>
      </c>
      <c r="E52" s="8" t="s">
        <v>130</v>
      </c>
      <c r="F52" s="9" t="s">
        <v>131</v>
      </c>
      <c r="G52" s="8" t="s">
        <v>572</v>
      </c>
      <c r="H52" s="10" t="s">
        <v>573</v>
      </c>
      <c r="I52" s="9" t="s">
        <v>52</v>
      </c>
      <c r="J52" s="11" t="s">
        <v>50</v>
      </c>
    </row>
    <row r="53" spans="2:10" s="46" customFormat="1" x14ac:dyDescent="0.2">
      <c r="B53" s="22"/>
      <c r="C53" s="6" t="s">
        <v>132</v>
      </c>
      <c r="D53" s="7" t="s">
        <v>396</v>
      </c>
      <c r="E53" s="8" t="s">
        <v>133</v>
      </c>
      <c r="F53" s="9" t="s">
        <v>134</v>
      </c>
      <c r="G53" s="8" t="s">
        <v>574</v>
      </c>
      <c r="H53" s="10" t="s">
        <v>575</v>
      </c>
      <c r="I53" s="9" t="s">
        <v>49</v>
      </c>
      <c r="J53" s="11" t="s">
        <v>135</v>
      </c>
    </row>
    <row r="54" spans="2:10" s="46" customFormat="1" x14ac:dyDescent="0.2">
      <c r="B54" s="22"/>
      <c r="C54" s="6" t="s">
        <v>397</v>
      </c>
      <c r="D54" s="7" t="s">
        <v>291</v>
      </c>
      <c r="E54" s="8" t="s">
        <v>136</v>
      </c>
      <c r="F54" s="9" t="s">
        <v>137</v>
      </c>
      <c r="G54" s="8" t="s">
        <v>576</v>
      </c>
      <c r="H54" s="10" t="s">
        <v>577</v>
      </c>
      <c r="I54" s="9" t="s">
        <v>49</v>
      </c>
      <c r="J54" s="11" t="s">
        <v>50</v>
      </c>
    </row>
    <row r="55" spans="2:10" s="46" customFormat="1" x14ac:dyDescent="0.2">
      <c r="B55" s="22"/>
      <c r="C55" s="6" t="s">
        <v>398</v>
      </c>
      <c r="D55" s="7" t="s">
        <v>399</v>
      </c>
      <c r="E55" s="8" t="s">
        <v>138</v>
      </c>
      <c r="F55" s="9" t="s">
        <v>400</v>
      </c>
      <c r="G55" s="8" t="s">
        <v>578</v>
      </c>
      <c r="H55" s="10" t="s">
        <v>579</v>
      </c>
      <c r="I55" s="9" t="s">
        <v>49</v>
      </c>
      <c r="J55" s="11" t="s">
        <v>50</v>
      </c>
    </row>
    <row r="56" spans="2:10" s="46" customFormat="1" x14ac:dyDescent="0.2">
      <c r="B56" s="22"/>
      <c r="C56" s="6" t="s">
        <v>401</v>
      </c>
      <c r="D56" s="7" t="s">
        <v>402</v>
      </c>
      <c r="E56" s="8" t="s">
        <v>139</v>
      </c>
      <c r="F56" s="9" t="s">
        <v>140</v>
      </c>
      <c r="G56" s="8" t="s">
        <v>580</v>
      </c>
      <c r="H56" s="10" t="s">
        <v>581</v>
      </c>
      <c r="I56" s="9" t="s">
        <v>49</v>
      </c>
      <c r="J56" s="11" t="s">
        <v>50</v>
      </c>
    </row>
    <row r="57" spans="2:10" s="46" customFormat="1" x14ac:dyDescent="0.2">
      <c r="B57" s="22"/>
      <c r="C57" s="6" t="s">
        <v>403</v>
      </c>
      <c r="D57" s="7" t="s">
        <v>141</v>
      </c>
      <c r="E57" s="8" t="s">
        <v>142</v>
      </c>
      <c r="F57" s="9" t="s">
        <v>143</v>
      </c>
      <c r="G57" s="8" t="s">
        <v>582</v>
      </c>
      <c r="H57" s="10" t="s">
        <v>583</v>
      </c>
      <c r="I57" s="9" t="s">
        <v>49</v>
      </c>
      <c r="J57" s="11" t="s">
        <v>50</v>
      </c>
    </row>
    <row r="58" spans="2:10" s="46" customFormat="1" ht="26" x14ac:dyDescent="0.2">
      <c r="B58" s="22"/>
      <c r="C58" s="6" t="s">
        <v>404</v>
      </c>
      <c r="D58" s="7" t="s">
        <v>405</v>
      </c>
      <c r="E58" s="8" t="s">
        <v>144</v>
      </c>
      <c r="F58" s="9" t="s">
        <v>145</v>
      </c>
      <c r="G58" s="8" t="s">
        <v>584</v>
      </c>
      <c r="H58" s="10" t="s">
        <v>585</v>
      </c>
      <c r="I58" s="9" t="s">
        <v>316</v>
      </c>
      <c r="J58" s="14" t="s">
        <v>318</v>
      </c>
    </row>
    <row r="59" spans="2:10" s="46" customFormat="1" x14ac:dyDescent="0.2">
      <c r="B59" s="22"/>
      <c r="C59" s="6" t="s">
        <v>406</v>
      </c>
      <c r="D59" s="7" t="s">
        <v>146</v>
      </c>
      <c r="E59" s="8" t="s">
        <v>147</v>
      </c>
      <c r="F59" s="9" t="s">
        <v>148</v>
      </c>
      <c r="G59" s="8" t="s">
        <v>586</v>
      </c>
      <c r="H59" s="10" t="s">
        <v>587</v>
      </c>
      <c r="I59" s="9" t="s">
        <v>49</v>
      </c>
      <c r="J59" s="11" t="s">
        <v>50</v>
      </c>
    </row>
    <row r="60" spans="2:10" s="46" customFormat="1" x14ac:dyDescent="0.2">
      <c r="B60" s="22"/>
      <c r="C60" s="6" t="s">
        <v>407</v>
      </c>
      <c r="D60" s="7" t="s">
        <v>292</v>
      </c>
      <c r="E60" s="8" t="s">
        <v>149</v>
      </c>
      <c r="F60" s="9" t="s">
        <v>150</v>
      </c>
      <c r="G60" s="8" t="s">
        <v>588</v>
      </c>
      <c r="H60" s="10" t="s">
        <v>589</v>
      </c>
      <c r="I60" s="9" t="s">
        <v>49</v>
      </c>
      <c r="J60" s="11" t="s">
        <v>50</v>
      </c>
    </row>
    <row r="61" spans="2:10" s="46" customFormat="1" x14ac:dyDescent="0.2">
      <c r="B61" s="22"/>
      <c r="C61" s="6" t="s">
        <v>408</v>
      </c>
      <c r="D61" s="7" t="s">
        <v>409</v>
      </c>
      <c r="E61" s="8" t="s">
        <v>151</v>
      </c>
      <c r="F61" s="9" t="s">
        <v>152</v>
      </c>
      <c r="G61" s="8" t="s">
        <v>590</v>
      </c>
      <c r="H61" s="10" t="s">
        <v>591</v>
      </c>
      <c r="I61" s="9" t="s">
        <v>49</v>
      </c>
      <c r="J61" s="11" t="s">
        <v>50</v>
      </c>
    </row>
    <row r="62" spans="2:10" s="46" customFormat="1" x14ac:dyDescent="0.2">
      <c r="B62" s="22"/>
      <c r="C62" s="6" t="s">
        <v>410</v>
      </c>
      <c r="D62" s="7" t="s">
        <v>153</v>
      </c>
      <c r="E62" s="8" t="s">
        <v>154</v>
      </c>
      <c r="F62" s="9" t="s">
        <v>155</v>
      </c>
      <c r="G62" s="8" t="s">
        <v>592</v>
      </c>
      <c r="H62" s="10" t="s">
        <v>593</v>
      </c>
      <c r="I62" s="9" t="s">
        <v>49</v>
      </c>
      <c r="J62" s="11" t="s">
        <v>50</v>
      </c>
    </row>
    <row r="63" spans="2:10" s="46" customFormat="1" x14ac:dyDescent="0.2">
      <c r="B63" s="22"/>
      <c r="C63" s="6" t="s">
        <v>411</v>
      </c>
      <c r="D63" s="7" t="s">
        <v>412</v>
      </c>
      <c r="E63" s="8" t="s">
        <v>413</v>
      </c>
      <c r="F63" s="9" t="s">
        <v>414</v>
      </c>
      <c r="G63" s="8" t="s">
        <v>594</v>
      </c>
      <c r="H63" s="10" t="s">
        <v>595</v>
      </c>
      <c r="I63" s="9" t="s">
        <v>52</v>
      </c>
      <c r="J63" s="11" t="s">
        <v>53</v>
      </c>
    </row>
    <row r="64" spans="2:10" s="46" customFormat="1" x14ac:dyDescent="0.2">
      <c r="B64" s="22"/>
      <c r="C64" s="6" t="s">
        <v>415</v>
      </c>
      <c r="D64" s="7" t="s">
        <v>156</v>
      </c>
      <c r="E64" s="8" t="s">
        <v>157</v>
      </c>
      <c r="F64" s="9" t="s">
        <v>158</v>
      </c>
      <c r="G64" s="8" t="s">
        <v>596</v>
      </c>
      <c r="H64" s="10" t="s">
        <v>597</v>
      </c>
      <c r="I64" s="9" t="s">
        <v>49</v>
      </c>
      <c r="J64" s="11" t="s">
        <v>50</v>
      </c>
    </row>
    <row r="65" spans="2:10" s="46" customFormat="1" ht="26" x14ac:dyDescent="0.2">
      <c r="B65" s="22"/>
      <c r="C65" s="6" t="s">
        <v>464</v>
      </c>
      <c r="D65" s="7" t="s">
        <v>465</v>
      </c>
      <c r="E65" s="8" t="s">
        <v>767</v>
      </c>
      <c r="F65" s="9" t="s">
        <v>799</v>
      </c>
      <c r="G65" s="8" t="s">
        <v>768</v>
      </c>
      <c r="H65" s="10" t="s">
        <v>770</v>
      </c>
      <c r="I65" s="9" t="s">
        <v>49</v>
      </c>
      <c r="J65" s="12" t="s">
        <v>747</v>
      </c>
    </row>
    <row r="66" spans="2:10" s="46" customFormat="1" x14ac:dyDescent="0.2">
      <c r="B66" s="22"/>
      <c r="C66" s="6" t="s">
        <v>475</v>
      </c>
      <c r="D66" s="7" t="s">
        <v>476</v>
      </c>
      <c r="E66" s="8" t="s">
        <v>800</v>
      </c>
      <c r="F66" s="9" t="s">
        <v>309</v>
      </c>
      <c r="G66" s="8" t="s">
        <v>598</v>
      </c>
      <c r="H66" s="10" t="s">
        <v>599</v>
      </c>
      <c r="I66" s="9" t="s">
        <v>49</v>
      </c>
      <c r="J66" s="11" t="s">
        <v>50</v>
      </c>
    </row>
    <row r="67" spans="2:10" s="46" customFormat="1" ht="26" x14ac:dyDescent="0.2">
      <c r="B67" s="22"/>
      <c r="C67" s="6" t="s">
        <v>830</v>
      </c>
      <c r="D67" s="7" t="s">
        <v>831</v>
      </c>
      <c r="E67" s="8" t="s">
        <v>832</v>
      </c>
      <c r="F67" s="9" t="s">
        <v>833</v>
      </c>
      <c r="G67" s="8" t="s">
        <v>834</v>
      </c>
      <c r="H67" s="10" t="s">
        <v>835</v>
      </c>
      <c r="I67" s="9" t="s">
        <v>844</v>
      </c>
      <c r="J67" s="12" t="s">
        <v>836</v>
      </c>
    </row>
    <row r="68" spans="2:10" s="46" customFormat="1" ht="26" x14ac:dyDescent="0.2">
      <c r="B68" s="22"/>
      <c r="C68" s="9" t="s">
        <v>34</v>
      </c>
      <c r="D68" s="7" t="s">
        <v>277</v>
      </c>
      <c r="E68" s="10" t="s">
        <v>801</v>
      </c>
      <c r="F68" s="9" t="s">
        <v>484</v>
      </c>
      <c r="G68" s="10" t="s">
        <v>600</v>
      </c>
      <c r="H68" s="10" t="s">
        <v>601</v>
      </c>
      <c r="I68" s="9" t="s">
        <v>314</v>
      </c>
      <c r="J68" s="13" t="s">
        <v>802</v>
      </c>
    </row>
    <row r="69" spans="2:10" s="46" customFormat="1" x14ac:dyDescent="0.2">
      <c r="B69" s="22"/>
      <c r="C69" s="6" t="s">
        <v>466</v>
      </c>
      <c r="D69" s="7" t="s">
        <v>467</v>
      </c>
      <c r="E69" s="8" t="s">
        <v>803</v>
      </c>
      <c r="F69" s="9" t="s">
        <v>304</v>
      </c>
      <c r="G69" s="8" t="s">
        <v>602</v>
      </c>
      <c r="H69" s="10" t="s">
        <v>603</v>
      </c>
      <c r="I69" s="9" t="s">
        <v>49</v>
      </c>
      <c r="J69" s="11" t="s">
        <v>50</v>
      </c>
    </row>
    <row r="70" spans="2:10" s="46" customFormat="1" ht="26.25" customHeight="1" x14ac:dyDescent="0.2">
      <c r="B70" s="22"/>
      <c r="C70" s="6" t="s">
        <v>469</v>
      </c>
      <c r="D70" s="7" t="s">
        <v>298</v>
      </c>
      <c r="E70" s="8" t="s">
        <v>804</v>
      </c>
      <c r="F70" s="9" t="s">
        <v>305</v>
      </c>
      <c r="G70" s="8" t="s">
        <v>604</v>
      </c>
      <c r="H70" s="10" t="s">
        <v>605</v>
      </c>
      <c r="I70" s="9" t="s">
        <v>49</v>
      </c>
      <c r="J70" s="11" t="s">
        <v>50</v>
      </c>
    </row>
    <row r="71" spans="2:10" s="46" customFormat="1" x14ac:dyDescent="0.2">
      <c r="B71" s="22"/>
      <c r="C71" s="6" t="s">
        <v>472</v>
      </c>
      <c r="D71" s="7" t="s">
        <v>473</v>
      </c>
      <c r="E71" s="8" t="s">
        <v>803</v>
      </c>
      <c r="F71" s="9" t="s">
        <v>307</v>
      </c>
      <c r="G71" s="8" t="s">
        <v>606</v>
      </c>
      <c r="H71" s="10" t="s">
        <v>607</v>
      </c>
      <c r="I71" s="9" t="s">
        <v>49</v>
      </c>
      <c r="J71" s="11" t="s">
        <v>50</v>
      </c>
    </row>
    <row r="72" spans="2:10" s="46" customFormat="1" x14ac:dyDescent="0.2">
      <c r="B72" s="22"/>
      <c r="C72" s="6" t="s">
        <v>777</v>
      </c>
      <c r="D72" s="7" t="s">
        <v>778</v>
      </c>
      <c r="E72" s="8" t="s">
        <v>779</v>
      </c>
      <c r="F72" s="9" t="s">
        <v>310</v>
      </c>
      <c r="G72" s="8" t="s">
        <v>780</v>
      </c>
      <c r="H72" s="10" t="s">
        <v>781</v>
      </c>
      <c r="I72" s="9" t="s">
        <v>782</v>
      </c>
      <c r="J72" s="11" t="s">
        <v>783</v>
      </c>
    </row>
    <row r="73" spans="2:10" s="46" customFormat="1" x14ac:dyDescent="0.2">
      <c r="B73" s="22"/>
      <c r="C73" s="6" t="s">
        <v>477</v>
      </c>
      <c r="D73" s="7" t="s">
        <v>300</v>
      </c>
      <c r="E73" s="8" t="s">
        <v>805</v>
      </c>
      <c r="F73" s="9" t="s">
        <v>311</v>
      </c>
      <c r="G73" s="8" t="s">
        <v>608</v>
      </c>
      <c r="H73" s="10" t="s">
        <v>609</v>
      </c>
      <c r="I73" s="9" t="s">
        <v>49</v>
      </c>
      <c r="J73" s="11" t="s">
        <v>50</v>
      </c>
    </row>
    <row r="74" spans="2:10" s="46" customFormat="1" ht="26" x14ac:dyDescent="0.2">
      <c r="B74" s="22"/>
      <c r="C74" s="6" t="s">
        <v>215</v>
      </c>
      <c r="D74" s="7" t="s">
        <v>468</v>
      </c>
      <c r="E74" s="8" t="s">
        <v>806</v>
      </c>
      <c r="F74" s="9" t="s">
        <v>312</v>
      </c>
      <c r="G74" s="8" t="s">
        <v>610</v>
      </c>
      <c r="H74" s="10" t="s">
        <v>611</v>
      </c>
      <c r="I74" s="9" t="s">
        <v>320</v>
      </c>
      <c r="J74" s="12" t="s">
        <v>321</v>
      </c>
    </row>
    <row r="75" spans="2:10" s="46" customFormat="1" x14ac:dyDescent="0.2">
      <c r="B75" s="22"/>
      <c r="C75" s="6" t="s">
        <v>470</v>
      </c>
      <c r="D75" s="7" t="s">
        <v>471</v>
      </c>
      <c r="E75" s="8" t="s">
        <v>807</v>
      </c>
      <c r="F75" s="9" t="s">
        <v>306</v>
      </c>
      <c r="G75" s="8" t="s">
        <v>612</v>
      </c>
      <c r="H75" s="10" t="s">
        <v>613</v>
      </c>
      <c r="I75" s="9" t="s">
        <v>49</v>
      </c>
      <c r="J75" s="11" t="s">
        <v>50</v>
      </c>
    </row>
    <row r="76" spans="2:10" s="46" customFormat="1" ht="13.5" customHeight="1" x14ac:dyDescent="0.2">
      <c r="B76" s="22"/>
      <c r="C76" s="6" t="s">
        <v>474</v>
      </c>
      <c r="D76" s="7" t="s">
        <v>299</v>
      </c>
      <c r="E76" s="8" t="s">
        <v>808</v>
      </c>
      <c r="F76" s="9" t="s">
        <v>308</v>
      </c>
      <c r="G76" s="8" t="s">
        <v>614</v>
      </c>
      <c r="H76" s="10" t="s">
        <v>615</v>
      </c>
      <c r="I76" s="9" t="s">
        <v>49</v>
      </c>
      <c r="J76" s="11" t="s">
        <v>50</v>
      </c>
    </row>
    <row r="77" spans="2:10" s="46" customFormat="1" x14ac:dyDescent="0.2">
      <c r="B77" s="22"/>
      <c r="C77" s="34" t="s">
        <v>416</v>
      </c>
      <c r="D77" s="35" t="s">
        <v>159</v>
      </c>
      <c r="E77" s="36" t="s">
        <v>160</v>
      </c>
      <c r="F77" s="37" t="s">
        <v>161</v>
      </c>
      <c r="G77" s="36" t="s">
        <v>616</v>
      </c>
      <c r="H77" s="38" t="s">
        <v>617</v>
      </c>
      <c r="I77" s="37" t="s">
        <v>314</v>
      </c>
      <c r="J77" s="39" t="s">
        <v>50</v>
      </c>
    </row>
    <row r="78" spans="2:10" s="46" customFormat="1" x14ac:dyDescent="0.2">
      <c r="B78" s="22"/>
      <c r="C78" s="6" t="s">
        <v>417</v>
      </c>
      <c r="D78" s="7" t="s">
        <v>162</v>
      </c>
      <c r="E78" s="8" t="s">
        <v>163</v>
      </c>
      <c r="F78" s="9" t="s">
        <v>164</v>
      </c>
      <c r="G78" s="8" t="s">
        <v>618</v>
      </c>
      <c r="H78" s="10" t="s">
        <v>619</v>
      </c>
      <c r="I78" s="9" t="s">
        <v>49</v>
      </c>
      <c r="J78" s="11" t="s">
        <v>50</v>
      </c>
    </row>
    <row r="79" spans="2:10" s="46" customFormat="1" x14ac:dyDescent="0.2">
      <c r="B79" s="22"/>
      <c r="C79" s="6" t="s">
        <v>418</v>
      </c>
      <c r="D79" s="7" t="s">
        <v>419</v>
      </c>
      <c r="E79" s="8" t="s">
        <v>160</v>
      </c>
      <c r="F79" s="9" t="s">
        <v>165</v>
      </c>
      <c r="G79" s="8" t="s">
        <v>620</v>
      </c>
      <c r="H79" s="10" t="s">
        <v>621</v>
      </c>
      <c r="I79" s="9" t="s">
        <v>49</v>
      </c>
      <c r="J79" s="11" t="s">
        <v>818</v>
      </c>
    </row>
    <row r="80" spans="2:10" s="46" customFormat="1" ht="40" customHeight="1" x14ac:dyDescent="0.2">
      <c r="B80" s="22"/>
      <c r="C80" s="6" t="s">
        <v>166</v>
      </c>
      <c r="D80" s="7" t="s">
        <v>420</v>
      </c>
      <c r="E80" s="8" t="s">
        <v>167</v>
      </c>
      <c r="F80" s="9" t="s">
        <v>168</v>
      </c>
      <c r="G80" s="8" t="s">
        <v>622</v>
      </c>
      <c r="H80" s="10" t="s">
        <v>623</v>
      </c>
      <c r="I80" s="9" t="s">
        <v>49</v>
      </c>
      <c r="J80" s="12" t="s">
        <v>857</v>
      </c>
    </row>
    <row r="81" spans="2:10" s="46" customFormat="1" x14ac:dyDescent="0.2">
      <c r="B81" s="22"/>
      <c r="C81" s="6" t="s">
        <v>421</v>
      </c>
      <c r="D81" s="7" t="s">
        <v>422</v>
      </c>
      <c r="E81" s="8" t="s">
        <v>169</v>
      </c>
      <c r="F81" s="9" t="s">
        <v>170</v>
      </c>
      <c r="G81" s="8" t="s">
        <v>624</v>
      </c>
      <c r="H81" s="10" t="s">
        <v>625</v>
      </c>
      <c r="I81" s="9" t="s">
        <v>314</v>
      </c>
      <c r="J81" s="11" t="s">
        <v>50</v>
      </c>
    </row>
    <row r="82" spans="2:10" s="46" customFormat="1" x14ac:dyDescent="0.2">
      <c r="B82" s="22"/>
      <c r="C82" s="6" t="s">
        <v>293</v>
      </c>
      <c r="D82" s="7" t="s">
        <v>294</v>
      </c>
      <c r="E82" s="8" t="s">
        <v>171</v>
      </c>
      <c r="F82" s="9" t="s">
        <v>172</v>
      </c>
      <c r="G82" s="8" t="s">
        <v>626</v>
      </c>
      <c r="H82" s="10" t="s">
        <v>627</v>
      </c>
      <c r="I82" s="9" t="s">
        <v>49</v>
      </c>
      <c r="J82" s="11" t="s">
        <v>50</v>
      </c>
    </row>
    <row r="83" spans="2:10" s="46" customFormat="1" x14ac:dyDescent="0.2">
      <c r="B83" s="22"/>
      <c r="C83" s="6" t="s">
        <v>788</v>
      </c>
      <c r="D83" s="7" t="s">
        <v>789</v>
      </c>
      <c r="E83" s="8" t="s">
        <v>173</v>
      </c>
      <c r="F83" s="9" t="s">
        <v>174</v>
      </c>
      <c r="G83" s="8" t="s">
        <v>628</v>
      </c>
      <c r="H83" s="10" t="s">
        <v>629</v>
      </c>
      <c r="I83" s="9" t="s">
        <v>819</v>
      </c>
      <c r="J83" s="12" t="s">
        <v>820</v>
      </c>
    </row>
    <row r="84" spans="2:10" s="46" customFormat="1" x14ac:dyDescent="0.2">
      <c r="B84" s="22"/>
      <c r="C84" s="6" t="s">
        <v>423</v>
      </c>
      <c r="D84" s="7" t="s">
        <v>424</v>
      </c>
      <c r="E84" s="8" t="s">
        <v>175</v>
      </c>
      <c r="F84" s="9" t="s">
        <v>176</v>
      </c>
      <c r="G84" s="8" t="s">
        <v>663</v>
      </c>
      <c r="H84" s="10" t="s">
        <v>664</v>
      </c>
      <c r="I84" s="9" t="s">
        <v>49</v>
      </c>
      <c r="J84" s="11" t="s">
        <v>50</v>
      </c>
    </row>
    <row r="85" spans="2:10" s="46" customFormat="1" ht="26" x14ac:dyDescent="0.2">
      <c r="B85" s="22"/>
      <c r="C85" s="6" t="s">
        <v>790</v>
      </c>
      <c r="D85" s="7" t="s">
        <v>791</v>
      </c>
      <c r="E85" s="8" t="s">
        <v>177</v>
      </c>
      <c r="F85" s="9" t="s">
        <v>792</v>
      </c>
      <c r="G85" s="8" t="s">
        <v>665</v>
      </c>
      <c r="H85" s="10" t="s">
        <v>666</v>
      </c>
      <c r="I85" s="9" t="s">
        <v>793</v>
      </c>
      <c r="J85" s="12" t="s">
        <v>821</v>
      </c>
    </row>
    <row r="86" spans="2:10" s="46" customFormat="1" x14ac:dyDescent="0.2">
      <c r="B86" s="22"/>
      <c r="C86" s="6" t="s">
        <v>178</v>
      </c>
      <c r="D86" s="7" t="s">
        <v>425</v>
      </c>
      <c r="E86" s="8" t="s">
        <v>426</v>
      </c>
      <c r="F86" s="9" t="s">
        <v>179</v>
      </c>
      <c r="G86" s="8" t="s">
        <v>667</v>
      </c>
      <c r="H86" s="10" t="s">
        <v>668</v>
      </c>
      <c r="I86" s="9" t="s">
        <v>49</v>
      </c>
      <c r="J86" s="11" t="s">
        <v>135</v>
      </c>
    </row>
    <row r="87" spans="2:10" s="46" customFormat="1" ht="26" x14ac:dyDescent="0.2">
      <c r="B87" s="22"/>
      <c r="C87" s="6" t="s">
        <v>427</v>
      </c>
      <c r="D87" s="7" t="s">
        <v>428</v>
      </c>
      <c r="E87" s="8" t="s">
        <v>180</v>
      </c>
      <c r="F87" s="9" t="s">
        <v>181</v>
      </c>
      <c r="G87" s="8" t="s">
        <v>669</v>
      </c>
      <c r="H87" s="10" t="s">
        <v>670</v>
      </c>
      <c r="I87" s="9" t="s">
        <v>846</v>
      </c>
      <c r="J87" s="12" t="s">
        <v>845</v>
      </c>
    </row>
    <row r="88" spans="2:10" s="46" customFormat="1" x14ac:dyDescent="0.2">
      <c r="B88" s="22"/>
      <c r="C88" s="6" t="s">
        <v>182</v>
      </c>
      <c r="D88" s="7" t="s">
        <v>429</v>
      </c>
      <c r="E88" s="8" t="s">
        <v>430</v>
      </c>
      <c r="F88" s="9" t="s">
        <v>809</v>
      </c>
      <c r="G88" s="8" t="s">
        <v>671</v>
      </c>
      <c r="H88" s="10" t="s">
        <v>672</v>
      </c>
      <c r="I88" s="9" t="s">
        <v>52</v>
      </c>
      <c r="J88" s="14" t="s">
        <v>50</v>
      </c>
    </row>
    <row r="89" spans="2:10" s="46" customFormat="1" x14ac:dyDescent="0.2">
      <c r="B89" s="22"/>
      <c r="C89" s="6" t="s">
        <v>431</v>
      </c>
      <c r="D89" s="7" t="s">
        <v>432</v>
      </c>
      <c r="E89" s="8" t="s">
        <v>183</v>
      </c>
      <c r="F89" s="9" t="s">
        <v>184</v>
      </c>
      <c r="G89" s="8" t="s">
        <v>687</v>
      </c>
      <c r="H89" s="10" t="s">
        <v>688</v>
      </c>
      <c r="I89" s="9" t="s">
        <v>49</v>
      </c>
      <c r="J89" s="11" t="s">
        <v>50</v>
      </c>
    </row>
    <row r="90" spans="2:10" s="46" customFormat="1" x14ac:dyDescent="0.2">
      <c r="B90" s="22"/>
      <c r="C90" s="6" t="s">
        <v>433</v>
      </c>
      <c r="D90" s="7" t="s">
        <v>434</v>
      </c>
      <c r="E90" s="8" t="s">
        <v>185</v>
      </c>
      <c r="F90" s="9" t="s">
        <v>186</v>
      </c>
      <c r="G90" s="8" t="s">
        <v>689</v>
      </c>
      <c r="H90" s="10" t="s">
        <v>690</v>
      </c>
      <c r="I90" s="9" t="s">
        <v>49</v>
      </c>
      <c r="J90" s="11" t="s">
        <v>50</v>
      </c>
    </row>
    <row r="91" spans="2:10" s="46" customFormat="1" x14ac:dyDescent="0.2">
      <c r="B91" s="22"/>
      <c r="C91" s="6" t="s">
        <v>435</v>
      </c>
      <c r="D91" s="7" t="s">
        <v>436</v>
      </c>
      <c r="E91" s="8" t="s">
        <v>187</v>
      </c>
      <c r="F91" s="9" t="s">
        <v>188</v>
      </c>
      <c r="G91" s="8" t="s">
        <v>691</v>
      </c>
      <c r="H91" s="10" t="s">
        <v>692</v>
      </c>
      <c r="I91" s="9" t="s">
        <v>49</v>
      </c>
      <c r="J91" s="11" t="s">
        <v>50</v>
      </c>
    </row>
    <row r="92" spans="2:10" s="46" customFormat="1" x14ac:dyDescent="0.2">
      <c r="B92" s="22"/>
      <c r="C92" s="6" t="s">
        <v>437</v>
      </c>
      <c r="D92" s="7" t="s">
        <v>438</v>
      </c>
      <c r="E92" s="8" t="s">
        <v>189</v>
      </c>
      <c r="F92" s="9" t="s">
        <v>439</v>
      </c>
      <c r="G92" s="8" t="s">
        <v>693</v>
      </c>
      <c r="H92" s="10" t="s">
        <v>694</v>
      </c>
      <c r="I92" s="9" t="s">
        <v>49</v>
      </c>
      <c r="J92" s="11" t="s">
        <v>50</v>
      </c>
    </row>
    <row r="93" spans="2:10" s="46" customFormat="1" ht="26" x14ac:dyDescent="0.2">
      <c r="B93" s="22"/>
      <c r="C93" s="6" t="s">
        <v>440</v>
      </c>
      <c r="D93" s="7" t="s">
        <v>441</v>
      </c>
      <c r="E93" s="8" t="s">
        <v>190</v>
      </c>
      <c r="F93" s="9" t="s">
        <v>191</v>
      </c>
      <c r="G93" s="8" t="s">
        <v>709</v>
      </c>
      <c r="H93" s="10" t="s">
        <v>710</v>
      </c>
      <c r="I93" s="9" t="s">
        <v>316</v>
      </c>
      <c r="J93" s="14" t="s">
        <v>50</v>
      </c>
    </row>
    <row r="94" spans="2:10" s="46" customFormat="1" x14ac:dyDescent="0.2">
      <c r="B94" s="22"/>
      <c r="C94" s="6" t="s">
        <v>442</v>
      </c>
      <c r="D94" s="7" t="s">
        <v>443</v>
      </c>
      <c r="E94" s="8" t="s">
        <v>192</v>
      </c>
      <c r="F94" s="9" t="s">
        <v>193</v>
      </c>
      <c r="G94" s="8" t="s">
        <v>711</v>
      </c>
      <c r="H94" s="10" t="s">
        <v>712</v>
      </c>
      <c r="I94" s="9" t="s">
        <v>49</v>
      </c>
      <c r="J94" s="11" t="s">
        <v>50</v>
      </c>
    </row>
    <row r="95" spans="2:10" s="46" customFormat="1" x14ac:dyDescent="0.2">
      <c r="B95" s="22"/>
      <c r="C95" s="6" t="s">
        <v>194</v>
      </c>
      <c r="D95" s="7" t="s">
        <v>444</v>
      </c>
      <c r="E95" s="8" t="s">
        <v>445</v>
      </c>
      <c r="F95" s="9" t="s">
        <v>195</v>
      </c>
      <c r="G95" s="8" t="s">
        <v>713</v>
      </c>
      <c r="H95" s="10" t="s">
        <v>714</v>
      </c>
      <c r="I95" s="9" t="s">
        <v>49</v>
      </c>
      <c r="J95" s="11" t="s">
        <v>135</v>
      </c>
    </row>
    <row r="96" spans="2:10" s="46" customFormat="1" x14ac:dyDescent="0.2">
      <c r="B96" s="22"/>
      <c r="C96" s="6" t="s">
        <v>196</v>
      </c>
      <c r="D96" s="7" t="s">
        <v>446</v>
      </c>
      <c r="E96" s="8" t="s">
        <v>197</v>
      </c>
      <c r="F96" s="9" t="s">
        <v>198</v>
      </c>
      <c r="G96" s="8" t="s">
        <v>715</v>
      </c>
      <c r="H96" s="10" t="s">
        <v>716</v>
      </c>
      <c r="I96" s="9" t="s">
        <v>52</v>
      </c>
      <c r="J96" s="11" t="s">
        <v>50</v>
      </c>
    </row>
    <row r="97" spans="2:10" s="46" customFormat="1" x14ac:dyDescent="0.2">
      <c r="B97" s="22"/>
      <c r="C97" s="6" t="s">
        <v>447</v>
      </c>
      <c r="D97" s="7" t="s">
        <v>448</v>
      </c>
      <c r="E97" s="8" t="s">
        <v>449</v>
      </c>
      <c r="F97" s="9" t="s">
        <v>450</v>
      </c>
      <c r="G97" s="8" t="s">
        <v>717</v>
      </c>
      <c r="H97" s="10" t="s">
        <v>718</v>
      </c>
      <c r="I97" s="9" t="s">
        <v>52</v>
      </c>
      <c r="J97" s="11" t="s">
        <v>53</v>
      </c>
    </row>
    <row r="98" spans="2:10" s="46" customFormat="1" x14ac:dyDescent="0.2">
      <c r="B98" s="22"/>
      <c r="C98" s="6" t="s">
        <v>451</v>
      </c>
      <c r="D98" s="7" t="s">
        <v>452</v>
      </c>
      <c r="E98" s="8" t="s">
        <v>199</v>
      </c>
      <c r="F98" s="9" t="s">
        <v>200</v>
      </c>
      <c r="G98" s="8" t="s">
        <v>719</v>
      </c>
      <c r="H98" s="10" t="s">
        <v>720</v>
      </c>
      <c r="I98" s="9" t="s">
        <v>49</v>
      </c>
      <c r="J98" s="11" t="s">
        <v>50</v>
      </c>
    </row>
    <row r="99" spans="2:10" s="46" customFormat="1" ht="26" x14ac:dyDescent="0.2">
      <c r="B99" s="22"/>
      <c r="C99" s="6" t="s">
        <v>453</v>
      </c>
      <c r="D99" s="7" t="s">
        <v>295</v>
      </c>
      <c r="E99" s="8" t="s">
        <v>201</v>
      </c>
      <c r="F99" s="9" t="s">
        <v>748</v>
      </c>
      <c r="G99" s="8" t="s">
        <v>721</v>
      </c>
      <c r="H99" s="10" t="s">
        <v>722</v>
      </c>
      <c r="I99" s="9" t="s">
        <v>320</v>
      </c>
      <c r="J99" s="11" t="s">
        <v>50</v>
      </c>
    </row>
    <row r="100" spans="2:10" s="46" customFormat="1" x14ac:dyDescent="0.2">
      <c r="B100" s="22"/>
      <c r="C100" s="6" t="s">
        <v>756</v>
      </c>
      <c r="D100" s="7" t="s">
        <v>761</v>
      </c>
      <c r="E100" s="8" t="s">
        <v>202</v>
      </c>
      <c r="F100" s="9" t="s">
        <v>203</v>
      </c>
      <c r="G100" s="8" t="s">
        <v>723</v>
      </c>
      <c r="H100" s="10" t="s">
        <v>724</v>
      </c>
      <c r="I100" s="9" t="s">
        <v>49</v>
      </c>
      <c r="J100" s="14" t="s">
        <v>757</v>
      </c>
    </row>
    <row r="101" spans="2:10" s="46" customFormat="1" x14ac:dyDescent="0.2">
      <c r="B101" s="22"/>
      <c r="C101" s="6" t="s">
        <v>454</v>
      </c>
      <c r="D101" s="7" t="s">
        <v>455</v>
      </c>
      <c r="E101" s="8" t="s">
        <v>204</v>
      </c>
      <c r="F101" s="9" t="s">
        <v>205</v>
      </c>
      <c r="G101" s="8" t="s">
        <v>725</v>
      </c>
      <c r="H101" s="10" t="s">
        <v>726</v>
      </c>
      <c r="I101" s="9" t="s">
        <v>49</v>
      </c>
      <c r="J101" s="11" t="s">
        <v>50</v>
      </c>
    </row>
    <row r="102" spans="2:10" s="46" customFormat="1" ht="26" x14ac:dyDescent="0.2">
      <c r="B102" s="22"/>
      <c r="C102" s="6" t="s">
        <v>456</v>
      </c>
      <c r="D102" s="7" t="s">
        <v>296</v>
      </c>
      <c r="E102" s="8" t="s">
        <v>206</v>
      </c>
      <c r="F102" s="9" t="s">
        <v>207</v>
      </c>
      <c r="G102" s="8" t="s">
        <v>727</v>
      </c>
      <c r="H102" s="10" t="s">
        <v>728</v>
      </c>
      <c r="I102" s="9" t="s">
        <v>314</v>
      </c>
      <c r="J102" s="12" t="s">
        <v>317</v>
      </c>
    </row>
    <row r="103" spans="2:10" s="46" customFormat="1" ht="14.25" customHeight="1" x14ac:dyDescent="0.2">
      <c r="B103" s="22"/>
      <c r="C103" s="6" t="s">
        <v>457</v>
      </c>
      <c r="D103" s="7" t="s">
        <v>297</v>
      </c>
      <c r="E103" s="8" t="s">
        <v>208</v>
      </c>
      <c r="F103" s="9" t="s">
        <v>749</v>
      </c>
      <c r="G103" s="8" t="s">
        <v>695</v>
      </c>
      <c r="H103" s="10" t="s">
        <v>696</v>
      </c>
      <c r="I103" s="9" t="s">
        <v>314</v>
      </c>
      <c r="J103" s="11" t="s">
        <v>50</v>
      </c>
    </row>
    <row r="104" spans="2:10" s="46" customFormat="1" x14ac:dyDescent="0.2">
      <c r="B104" s="22"/>
      <c r="C104" s="6" t="s">
        <v>458</v>
      </c>
      <c r="D104" s="7" t="s">
        <v>209</v>
      </c>
      <c r="E104" s="8" t="s">
        <v>210</v>
      </c>
      <c r="F104" s="9" t="s">
        <v>459</v>
      </c>
      <c r="G104" s="8" t="s">
        <v>697</v>
      </c>
      <c r="H104" s="10" t="s">
        <v>698</v>
      </c>
      <c r="I104" s="9" t="s">
        <v>49</v>
      </c>
      <c r="J104" s="11" t="s">
        <v>50</v>
      </c>
    </row>
    <row r="105" spans="2:10" s="46" customFormat="1" ht="27" customHeight="1" x14ac:dyDescent="0.2">
      <c r="B105" s="22"/>
      <c r="C105" s="6" t="s">
        <v>460</v>
      </c>
      <c r="D105" s="7" t="s">
        <v>461</v>
      </c>
      <c r="E105" s="8" t="s">
        <v>211</v>
      </c>
      <c r="F105" s="9" t="s">
        <v>212</v>
      </c>
      <c r="G105" s="8" t="s">
        <v>699</v>
      </c>
      <c r="H105" s="10" t="s">
        <v>700</v>
      </c>
      <c r="I105" s="9" t="s">
        <v>49</v>
      </c>
      <c r="J105" s="11" t="s">
        <v>50</v>
      </c>
    </row>
    <row r="106" spans="2:10" s="46" customFormat="1" x14ac:dyDescent="0.2">
      <c r="B106" s="22"/>
      <c r="C106" s="6" t="s">
        <v>462</v>
      </c>
      <c r="D106" s="7" t="s">
        <v>463</v>
      </c>
      <c r="E106" s="8" t="s">
        <v>213</v>
      </c>
      <c r="F106" s="9" t="s">
        <v>214</v>
      </c>
      <c r="G106" s="8" t="s">
        <v>701</v>
      </c>
      <c r="H106" s="10" t="s">
        <v>702</v>
      </c>
      <c r="I106" s="9" t="s">
        <v>49</v>
      </c>
      <c r="J106" s="11" t="s">
        <v>50</v>
      </c>
    </row>
    <row r="107" spans="2:10" s="46" customFormat="1" x14ac:dyDescent="0.2">
      <c r="B107" s="22"/>
      <c r="C107" s="6" t="s">
        <v>837</v>
      </c>
      <c r="D107" s="7" t="s">
        <v>838</v>
      </c>
      <c r="E107" s="8" t="s">
        <v>839</v>
      </c>
      <c r="F107" s="9" t="s">
        <v>840</v>
      </c>
      <c r="G107" s="8" t="s">
        <v>841</v>
      </c>
      <c r="H107" s="10" t="s">
        <v>842</v>
      </c>
      <c r="I107" s="9" t="s">
        <v>828</v>
      </c>
      <c r="J107" s="11" t="s">
        <v>829</v>
      </c>
    </row>
    <row r="108" spans="2:10" s="46" customFormat="1" x14ac:dyDescent="0.2">
      <c r="B108" s="22"/>
      <c r="C108" s="6" t="s">
        <v>763</v>
      </c>
      <c r="D108" s="7" t="s">
        <v>764</v>
      </c>
      <c r="E108" s="8" t="s">
        <v>478</v>
      </c>
      <c r="F108" s="9" t="s">
        <v>479</v>
      </c>
      <c r="G108" s="8" t="s">
        <v>630</v>
      </c>
      <c r="H108" s="10" t="s">
        <v>631</v>
      </c>
      <c r="I108" s="9" t="s">
        <v>52</v>
      </c>
      <c r="J108" s="12" t="s">
        <v>815</v>
      </c>
    </row>
    <row r="109" spans="2:10" s="46" customFormat="1" x14ac:dyDescent="0.2">
      <c r="B109" s="22"/>
      <c r="C109" s="6" t="s">
        <v>480</v>
      </c>
      <c r="D109" s="7" t="s">
        <v>301</v>
      </c>
      <c r="E109" s="8" t="s">
        <v>322</v>
      </c>
      <c r="F109" s="9" t="s">
        <v>216</v>
      </c>
      <c r="G109" s="8" t="s">
        <v>673</v>
      </c>
      <c r="H109" s="10" t="s">
        <v>674</v>
      </c>
      <c r="I109" s="9" t="s">
        <v>49</v>
      </c>
      <c r="J109" s="11" t="s">
        <v>50</v>
      </c>
    </row>
    <row r="110" spans="2:10" s="46" customFormat="1" ht="26" x14ac:dyDescent="0.2">
      <c r="B110" s="22"/>
      <c r="C110" s="6" t="s">
        <v>217</v>
      </c>
      <c r="D110" s="7" t="s">
        <v>481</v>
      </c>
      <c r="E110" s="8" t="s">
        <v>218</v>
      </c>
      <c r="F110" s="9" t="s">
        <v>219</v>
      </c>
      <c r="G110" s="8" t="s">
        <v>675</v>
      </c>
      <c r="H110" s="10" t="s">
        <v>676</v>
      </c>
      <c r="I110" s="9" t="s">
        <v>320</v>
      </c>
      <c r="J110" s="11" t="s">
        <v>53</v>
      </c>
    </row>
    <row r="111" spans="2:10" s="46" customFormat="1" x14ac:dyDescent="0.2">
      <c r="B111" s="22"/>
      <c r="C111" s="6" t="s">
        <v>482</v>
      </c>
      <c r="D111" s="7" t="s">
        <v>302</v>
      </c>
      <c r="E111" s="8" t="s">
        <v>220</v>
      </c>
      <c r="F111" s="9" t="s">
        <v>221</v>
      </c>
      <c r="G111" s="8" t="s">
        <v>677</v>
      </c>
      <c r="H111" s="10" t="s">
        <v>678</v>
      </c>
      <c r="I111" s="9" t="s">
        <v>49</v>
      </c>
      <c r="J111" s="11" t="s">
        <v>50</v>
      </c>
    </row>
    <row r="112" spans="2:10" s="46" customFormat="1" x14ac:dyDescent="0.2">
      <c r="B112" s="22"/>
      <c r="C112" s="6" t="s">
        <v>483</v>
      </c>
      <c r="D112" s="7" t="s">
        <v>303</v>
      </c>
      <c r="E112" s="8" t="s">
        <v>222</v>
      </c>
      <c r="F112" s="9" t="s">
        <v>223</v>
      </c>
      <c r="G112" s="8" t="s">
        <v>632</v>
      </c>
      <c r="H112" s="10" t="s">
        <v>633</v>
      </c>
      <c r="I112" s="9" t="s">
        <v>49</v>
      </c>
      <c r="J112" s="11" t="s">
        <v>50</v>
      </c>
    </row>
    <row r="113" spans="2:10" s="46" customFormat="1" x14ac:dyDescent="0.2">
      <c r="B113" s="22"/>
      <c r="C113" s="6" t="s">
        <v>848</v>
      </c>
      <c r="D113" s="7" t="s">
        <v>849</v>
      </c>
      <c r="E113" s="8" t="s">
        <v>850</v>
      </c>
      <c r="F113" s="9" t="s">
        <v>854</v>
      </c>
      <c r="G113" s="8" t="s">
        <v>851</v>
      </c>
      <c r="H113" s="10" t="s">
        <v>634</v>
      </c>
      <c r="I113" s="9" t="s">
        <v>49</v>
      </c>
      <c r="J113" s="11" t="s">
        <v>852</v>
      </c>
    </row>
    <row r="114" spans="2:10" s="46" customFormat="1" x14ac:dyDescent="0.2">
      <c r="B114" s="22"/>
      <c r="C114" s="6" t="s">
        <v>0</v>
      </c>
      <c r="D114" s="7" t="s">
        <v>35</v>
      </c>
      <c r="E114" s="8" t="s">
        <v>224</v>
      </c>
      <c r="F114" s="9" t="s">
        <v>225</v>
      </c>
      <c r="G114" s="8" t="s">
        <v>635</v>
      </c>
      <c r="H114" s="10" t="s">
        <v>636</v>
      </c>
      <c r="I114" s="9" t="s">
        <v>49</v>
      </c>
      <c r="J114" s="11" t="s">
        <v>760</v>
      </c>
    </row>
    <row r="115" spans="2:10" s="46" customFormat="1" ht="39" x14ac:dyDescent="0.2">
      <c r="B115" s="22"/>
      <c r="C115" s="6" t="s">
        <v>226</v>
      </c>
      <c r="D115" s="7" t="s">
        <v>1</v>
      </c>
      <c r="E115" s="8" t="s">
        <v>227</v>
      </c>
      <c r="F115" s="9" t="s">
        <v>228</v>
      </c>
      <c r="G115" s="8" t="s">
        <v>637</v>
      </c>
      <c r="H115" s="10" t="s">
        <v>638</v>
      </c>
      <c r="I115" s="9" t="s">
        <v>319</v>
      </c>
      <c r="J115" s="11" t="s">
        <v>50</v>
      </c>
    </row>
    <row r="116" spans="2:10" s="46" customFormat="1" x14ac:dyDescent="0.2">
      <c r="B116" s="22"/>
      <c r="C116" s="6" t="s">
        <v>2</v>
      </c>
      <c r="D116" s="7" t="s">
        <v>36</v>
      </c>
      <c r="E116" s="8" t="s">
        <v>229</v>
      </c>
      <c r="F116" s="9" t="s">
        <v>230</v>
      </c>
      <c r="G116" s="8" t="s">
        <v>639</v>
      </c>
      <c r="H116" s="10" t="s">
        <v>640</v>
      </c>
      <c r="I116" s="9" t="s">
        <v>49</v>
      </c>
      <c r="J116" s="11" t="s">
        <v>50</v>
      </c>
    </row>
    <row r="117" spans="2:10" s="46" customFormat="1" x14ac:dyDescent="0.2">
      <c r="B117" s="22"/>
      <c r="C117" s="6" t="s">
        <v>3</v>
      </c>
      <c r="D117" s="7" t="s">
        <v>37</v>
      </c>
      <c r="E117" s="8" t="s">
        <v>231</v>
      </c>
      <c r="F117" s="9" t="s">
        <v>232</v>
      </c>
      <c r="G117" s="8" t="s">
        <v>641</v>
      </c>
      <c r="H117" s="10" t="s">
        <v>642</v>
      </c>
      <c r="I117" s="9" t="s">
        <v>49</v>
      </c>
      <c r="J117" s="11" t="s">
        <v>50</v>
      </c>
    </row>
    <row r="118" spans="2:10" s="46" customFormat="1" x14ac:dyDescent="0.2">
      <c r="B118" s="22"/>
      <c r="C118" s="6" t="s">
        <v>4</v>
      </c>
      <c r="D118" s="7" t="s">
        <v>5</v>
      </c>
      <c r="E118" s="8" t="s">
        <v>233</v>
      </c>
      <c r="F118" s="9" t="s">
        <v>234</v>
      </c>
      <c r="G118" s="8" t="s">
        <v>643</v>
      </c>
      <c r="H118" s="10" t="s">
        <v>644</v>
      </c>
      <c r="I118" s="9" t="s">
        <v>49</v>
      </c>
      <c r="J118" s="11" t="s">
        <v>50</v>
      </c>
    </row>
    <row r="119" spans="2:10" s="46" customFormat="1" x14ac:dyDescent="0.2">
      <c r="B119" s="22"/>
      <c r="C119" s="6" t="s">
        <v>6</v>
      </c>
      <c r="D119" s="7" t="s">
        <v>7</v>
      </c>
      <c r="E119" s="8" t="s">
        <v>235</v>
      </c>
      <c r="F119" s="9" t="s">
        <v>236</v>
      </c>
      <c r="G119" s="8" t="s">
        <v>645</v>
      </c>
      <c r="H119" s="10" t="s">
        <v>646</v>
      </c>
      <c r="I119" s="9" t="s">
        <v>49</v>
      </c>
      <c r="J119" s="11" t="s">
        <v>50</v>
      </c>
    </row>
    <row r="120" spans="2:10" s="46" customFormat="1" x14ac:dyDescent="0.2">
      <c r="B120" s="22"/>
      <c r="C120" s="6" t="s">
        <v>8</v>
      </c>
      <c r="D120" s="7" t="s">
        <v>237</v>
      </c>
      <c r="E120" s="8" t="s">
        <v>238</v>
      </c>
      <c r="F120" s="9" t="s">
        <v>239</v>
      </c>
      <c r="G120" s="8" t="s">
        <v>647</v>
      </c>
      <c r="H120" s="10" t="s">
        <v>648</v>
      </c>
      <c r="I120" s="9" t="s">
        <v>49</v>
      </c>
      <c r="J120" s="11" t="s">
        <v>50</v>
      </c>
    </row>
    <row r="121" spans="2:10" s="46" customFormat="1" x14ac:dyDescent="0.2">
      <c r="B121" s="22"/>
      <c r="C121" s="6" t="s">
        <v>9</v>
      </c>
      <c r="D121" s="7" t="s">
        <v>240</v>
      </c>
      <c r="E121" s="8" t="s">
        <v>241</v>
      </c>
      <c r="F121" s="9" t="s">
        <v>242</v>
      </c>
      <c r="G121" s="8" t="s">
        <v>679</v>
      </c>
      <c r="H121" s="10" t="s">
        <v>680</v>
      </c>
      <c r="I121" s="9" t="s">
        <v>314</v>
      </c>
      <c r="J121" s="11" t="s">
        <v>50</v>
      </c>
    </row>
    <row r="122" spans="2:10" s="46" customFormat="1" x14ac:dyDescent="0.2">
      <c r="B122" s="22"/>
      <c r="C122" s="6" t="s">
        <v>38</v>
      </c>
      <c r="D122" s="7" t="s">
        <v>243</v>
      </c>
      <c r="E122" s="8" t="s">
        <v>244</v>
      </c>
      <c r="F122" s="9" t="s">
        <v>245</v>
      </c>
      <c r="G122" s="8" t="s">
        <v>681</v>
      </c>
      <c r="H122" s="10" t="s">
        <v>682</v>
      </c>
      <c r="I122" s="9" t="s">
        <v>49</v>
      </c>
      <c r="J122" s="11" t="s">
        <v>50</v>
      </c>
    </row>
    <row r="123" spans="2:10" s="46" customFormat="1" x14ac:dyDescent="0.2">
      <c r="B123" s="22"/>
      <c r="C123" s="6" t="s">
        <v>10</v>
      </c>
      <c r="D123" s="7" t="s">
        <v>11</v>
      </c>
      <c r="E123" s="8" t="s">
        <v>246</v>
      </c>
      <c r="F123" s="9" t="s">
        <v>12</v>
      </c>
      <c r="G123" s="8" t="s">
        <v>649</v>
      </c>
      <c r="H123" s="10" t="s">
        <v>650</v>
      </c>
      <c r="I123" s="9" t="s">
        <v>49</v>
      </c>
      <c r="J123" s="12" t="s">
        <v>750</v>
      </c>
    </row>
    <row r="124" spans="2:10" s="46" customFormat="1" x14ac:dyDescent="0.2">
      <c r="B124" s="22"/>
      <c r="C124" s="6" t="s">
        <v>13</v>
      </c>
      <c r="D124" s="7" t="s">
        <v>247</v>
      </c>
      <c r="E124" s="8" t="s">
        <v>246</v>
      </c>
      <c r="F124" s="9" t="s">
        <v>14</v>
      </c>
      <c r="G124" s="8" t="s">
        <v>651</v>
      </c>
      <c r="H124" s="10" t="s">
        <v>652</v>
      </c>
      <c r="I124" s="9" t="s">
        <v>49</v>
      </c>
      <c r="J124" s="11" t="s">
        <v>50</v>
      </c>
    </row>
    <row r="125" spans="2:10" s="46" customFormat="1" x14ac:dyDescent="0.2">
      <c r="B125" s="22"/>
      <c r="C125" s="6" t="s">
        <v>15</v>
      </c>
      <c r="D125" s="7" t="s">
        <v>248</v>
      </c>
      <c r="E125" s="8" t="s">
        <v>249</v>
      </c>
      <c r="F125" s="9" t="s">
        <v>816</v>
      </c>
      <c r="G125" s="8" t="s">
        <v>653</v>
      </c>
      <c r="H125" s="10" t="s">
        <v>654</v>
      </c>
      <c r="I125" s="9" t="s">
        <v>49</v>
      </c>
      <c r="J125" s="11" t="s">
        <v>50</v>
      </c>
    </row>
    <row r="126" spans="2:10" s="46" customFormat="1" x14ac:dyDescent="0.2">
      <c r="B126" s="22"/>
      <c r="C126" s="6" t="s">
        <v>16</v>
      </c>
      <c r="D126" s="7" t="s">
        <v>39</v>
      </c>
      <c r="E126" s="8" t="s">
        <v>795</v>
      </c>
      <c r="F126" s="9" t="s">
        <v>810</v>
      </c>
      <c r="G126" s="8" t="s">
        <v>655</v>
      </c>
      <c r="H126" s="10" t="s">
        <v>656</v>
      </c>
      <c r="I126" s="9" t="s">
        <v>49</v>
      </c>
      <c r="J126" s="11" t="s">
        <v>50</v>
      </c>
    </row>
    <row r="127" spans="2:10" s="46" customFormat="1" x14ac:dyDescent="0.2">
      <c r="B127" s="22"/>
      <c r="C127" s="6" t="s">
        <v>250</v>
      </c>
      <c r="D127" s="7" t="s">
        <v>17</v>
      </c>
      <c r="E127" s="8" t="s">
        <v>811</v>
      </c>
      <c r="F127" s="9" t="s">
        <v>251</v>
      </c>
      <c r="G127" s="8" t="s">
        <v>657</v>
      </c>
      <c r="H127" s="10" t="s">
        <v>658</v>
      </c>
      <c r="I127" s="9" t="s">
        <v>52</v>
      </c>
      <c r="J127" s="14" t="s">
        <v>53</v>
      </c>
    </row>
    <row r="128" spans="2:10" s="46" customFormat="1" x14ac:dyDescent="0.2">
      <c r="B128" s="22"/>
      <c r="C128" s="6" t="s">
        <v>252</v>
      </c>
      <c r="D128" s="7" t="s">
        <v>18</v>
      </c>
      <c r="E128" s="8" t="s">
        <v>812</v>
      </c>
      <c r="F128" s="9" t="s">
        <v>813</v>
      </c>
      <c r="G128" s="8" t="s">
        <v>659</v>
      </c>
      <c r="H128" s="10" t="s">
        <v>660</v>
      </c>
      <c r="I128" s="9" t="s">
        <v>253</v>
      </c>
      <c r="J128" s="14" t="s">
        <v>50</v>
      </c>
    </row>
    <row r="129" spans="2:10" s="46" customFormat="1" x14ac:dyDescent="0.2">
      <c r="B129" s="22"/>
      <c r="C129" s="6" t="s">
        <v>19</v>
      </c>
      <c r="D129" s="7" t="s">
        <v>20</v>
      </c>
      <c r="E129" s="8" t="s">
        <v>254</v>
      </c>
      <c r="F129" s="9" t="s">
        <v>255</v>
      </c>
      <c r="G129" s="8" t="s">
        <v>729</v>
      </c>
      <c r="H129" s="10" t="s">
        <v>730</v>
      </c>
      <c r="I129" s="9" t="s">
        <v>49</v>
      </c>
      <c r="J129" s="11" t="s">
        <v>50</v>
      </c>
    </row>
    <row r="130" spans="2:10" s="46" customFormat="1" x14ac:dyDescent="0.2">
      <c r="B130" s="22"/>
      <c r="C130" s="6" t="s">
        <v>21</v>
      </c>
      <c r="D130" s="7" t="s">
        <v>256</v>
      </c>
      <c r="E130" s="8" t="s">
        <v>257</v>
      </c>
      <c r="F130" s="9" t="s">
        <v>258</v>
      </c>
      <c r="G130" s="8" t="s">
        <v>703</v>
      </c>
      <c r="H130" s="10" t="s">
        <v>704</v>
      </c>
      <c r="I130" s="9" t="s">
        <v>49</v>
      </c>
      <c r="J130" s="11" t="s">
        <v>50</v>
      </c>
    </row>
    <row r="131" spans="2:10" s="46" customFormat="1" x14ac:dyDescent="0.2">
      <c r="B131" s="22"/>
      <c r="C131" s="6" t="s">
        <v>22</v>
      </c>
      <c r="D131" s="7" t="s">
        <v>259</v>
      </c>
      <c r="E131" s="8" t="s">
        <v>260</v>
      </c>
      <c r="F131" s="9" t="s">
        <v>261</v>
      </c>
      <c r="G131" s="8" t="s">
        <v>705</v>
      </c>
      <c r="H131" s="10" t="s">
        <v>706</v>
      </c>
      <c r="I131" s="9" t="s">
        <v>49</v>
      </c>
      <c r="J131" s="11" t="s">
        <v>50</v>
      </c>
    </row>
    <row r="132" spans="2:10" s="46" customFormat="1" x14ac:dyDescent="0.2">
      <c r="B132" s="22"/>
      <c r="C132" s="6" t="s">
        <v>23</v>
      </c>
      <c r="D132" s="7" t="s">
        <v>24</v>
      </c>
      <c r="E132" s="8" t="s">
        <v>262</v>
      </c>
      <c r="F132" s="9" t="s">
        <v>263</v>
      </c>
      <c r="G132" s="8" t="s">
        <v>707</v>
      </c>
      <c r="H132" s="10" t="s">
        <v>708</v>
      </c>
      <c r="I132" s="9" t="s">
        <v>49</v>
      </c>
      <c r="J132" s="11" t="s">
        <v>50</v>
      </c>
    </row>
    <row r="133" spans="2:10" s="46" customFormat="1" x14ac:dyDescent="0.2">
      <c r="B133" s="22"/>
      <c r="C133" s="6" t="s">
        <v>25</v>
      </c>
      <c r="D133" s="7" t="s">
        <v>26</v>
      </c>
      <c r="E133" s="8" t="s">
        <v>264</v>
      </c>
      <c r="F133" s="9" t="s">
        <v>265</v>
      </c>
      <c r="G133" s="8" t="s">
        <v>683</v>
      </c>
      <c r="H133" s="10" t="s">
        <v>684</v>
      </c>
      <c r="I133" s="9" t="s">
        <v>49</v>
      </c>
      <c r="J133" s="11" t="s">
        <v>50</v>
      </c>
    </row>
    <row r="134" spans="2:10" s="46" customFormat="1" x14ac:dyDescent="0.2">
      <c r="B134" s="22"/>
      <c r="C134" s="6" t="s">
        <v>27</v>
      </c>
      <c r="D134" s="7" t="s">
        <v>28</v>
      </c>
      <c r="E134" s="8" t="s">
        <v>266</v>
      </c>
      <c r="F134" s="9" t="s">
        <v>267</v>
      </c>
      <c r="G134" s="8" t="s">
        <v>685</v>
      </c>
      <c r="H134" s="10" t="s">
        <v>686</v>
      </c>
      <c r="I134" s="9" t="s">
        <v>49</v>
      </c>
      <c r="J134" s="11" t="s">
        <v>50</v>
      </c>
    </row>
    <row r="135" spans="2:10" s="46" customFormat="1" x14ac:dyDescent="0.2">
      <c r="B135" s="22"/>
      <c r="C135" s="6" t="s">
        <v>29</v>
      </c>
      <c r="D135" s="7" t="s">
        <v>268</v>
      </c>
      <c r="E135" s="8" t="s">
        <v>269</v>
      </c>
      <c r="F135" s="9" t="s">
        <v>270</v>
      </c>
      <c r="G135" s="8" t="s">
        <v>731</v>
      </c>
      <c r="H135" s="10" t="s">
        <v>732</v>
      </c>
      <c r="I135" s="9" t="s">
        <v>49</v>
      </c>
      <c r="J135" s="11" t="s">
        <v>50</v>
      </c>
    </row>
    <row r="136" spans="2:10" s="46" customFormat="1" x14ac:dyDescent="0.2">
      <c r="B136" s="22"/>
      <c r="C136" s="6" t="s">
        <v>30</v>
      </c>
      <c r="D136" s="7" t="s">
        <v>31</v>
      </c>
      <c r="E136" s="8" t="s">
        <v>271</v>
      </c>
      <c r="F136" s="9" t="s">
        <v>272</v>
      </c>
      <c r="G136" s="8" t="s">
        <v>733</v>
      </c>
      <c r="H136" s="10" t="s">
        <v>734</v>
      </c>
      <c r="I136" s="9" t="s">
        <v>49</v>
      </c>
      <c r="J136" s="11" t="s">
        <v>50</v>
      </c>
    </row>
    <row r="137" spans="2:10" s="46" customFormat="1" ht="26" x14ac:dyDescent="0.2">
      <c r="B137" s="22"/>
      <c r="C137" s="6" t="s">
        <v>758</v>
      </c>
      <c r="D137" s="7" t="s">
        <v>762</v>
      </c>
      <c r="E137" s="8" t="s">
        <v>273</v>
      </c>
      <c r="F137" s="9" t="s">
        <v>274</v>
      </c>
      <c r="G137" s="8" t="s">
        <v>735</v>
      </c>
      <c r="H137" s="10" t="s">
        <v>736</v>
      </c>
      <c r="I137" s="9" t="s">
        <v>52</v>
      </c>
      <c r="J137" s="12" t="s">
        <v>814</v>
      </c>
    </row>
    <row r="138" spans="2:10" s="46" customFormat="1" ht="13.5" thickBot="1" x14ac:dyDescent="0.25">
      <c r="B138" s="40"/>
      <c r="C138" s="41" t="s">
        <v>32</v>
      </c>
      <c r="D138" s="42" t="s">
        <v>33</v>
      </c>
      <c r="E138" s="43" t="s">
        <v>275</v>
      </c>
      <c r="F138" s="41" t="s">
        <v>276</v>
      </c>
      <c r="G138" s="43" t="s">
        <v>661</v>
      </c>
      <c r="H138" s="43" t="s">
        <v>662</v>
      </c>
      <c r="I138" s="41" t="s">
        <v>49</v>
      </c>
      <c r="J138" s="44" t="s">
        <v>50</v>
      </c>
    </row>
  </sheetData>
  <autoFilter ref="B4:J138"/>
  <phoneticPr fontId="1"/>
  <pageMargins left="0.59055118110236227" right="0.59055118110236227" top="0.59055118110236227" bottom="0.39370078740157483" header="0" footer="0"/>
  <pageSetup paperSize="9" scale="50" fitToHeight="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県立高等学校</vt:lpstr>
      <vt:lpstr>県立高等学校!Print_Area</vt:lpstr>
      <vt:lpstr>県立高等学校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4-03-19T06:56:04Z</cp:lastPrinted>
  <dcterms:created xsi:type="dcterms:W3CDTF">2009-12-22T05:54:18Z</dcterms:created>
  <dcterms:modified xsi:type="dcterms:W3CDTF">2024-03-28T01:04:44Z</dcterms:modified>
</cp:coreProperties>
</file>